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U:\2021_03人口・労働統計課\01人口\02_人口統計\01_月報\令和3年5月1日現在\06_HP更新\"/>
    </mc:Choice>
  </mc:AlternateContent>
  <bookViews>
    <workbookView xWindow="8520" yWindow="-120" windowWidth="11625" windowHeight="8250" tabRatio="959"/>
  </bookViews>
  <sheets>
    <sheet name="1月" sheetId="21184" r:id="rId1"/>
    <sheet name="２月" sheetId="21195" r:id="rId2"/>
    <sheet name="３月" sheetId="21185" r:id="rId3"/>
    <sheet name="４月" sheetId="21186" r:id="rId4"/>
    <sheet name="５月" sheetId="21187" r:id="rId5"/>
    <sheet name="６月" sheetId="21188" r:id="rId6"/>
    <sheet name="７月" sheetId="21189" r:id="rId7"/>
    <sheet name="８月" sheetId="21190" r:id="rId8"/>
    <sheet name="９月" sheetId="21191" r:id="rId9"/>
    <sheet name="10月" sheetId="21192" r:id="rId10"/>
    <sheet name="11月" sheetId="21193" r:id="rId11"/>
    <sheet name="12月" sheetId="21194" r:id="rId12"/>
  </sheets>
  <externalReferences>
    <externalReference r:id="rId13"/>
    <externalReference r:id="rId14"/>
    <externalReference r:id="rId15"/>
    <externalReference r:id="rId16"/>
    <externalReference r:id="rId17"/>
    <externalReference r:id="rId18"/>
    <externalReference r:id="rId19"/>
  </externalReferences>
  <definedNames>
    <definedName name="_Order1">255</definedName>
    <definedName name="_Regression_Int" localSheetId="9">1</definedName>
    <definedName name="_Regression_Int" localSheetId="10">1</definedName>
    <definedName name="_Regression_Int" localSheetId="11">1</definedName>
    <definedName name="_Regression_Int" localSheetId="0">1</definedName>
    <definedName name="_Regression_Int" localSheetId="1">1</definedName>
    <definedName name="_Regression_Int" localSheetId="2">1</definedName>
    <definedName name="_Regression_Int" localSheetId="3">1</definedName>
    <definedName name="_Regression_Int" localSheetId="4">1</definedName>
    <definedName name="_Regression_Int" localSheetId="5">1</definedName>
    <definedName name="_Regression_Int" localSheetId="6">1</definedName>
    <definedName name="_Regression_Int" localSheetId="7">1</definedName>
    <definedName name="_Regression_Int" localSheetId="8">1</definedName>
    <definedName name="_xlnm.Print_Area" localSheetId="9">'10月'!$B$1:$M$77</definedName>
    <definedName name="_xlnm.Print_Area" localSheetId="10">'11月'!$B$1:$M$77</definedName>
    <definedName name="_xlnm.Print_Area" localSheetId="11">'12月'!$B$1:$M$77</definedName>
    <definedName name="_xlnm.Print_Area" localSheetId="0">'1月'!$B$1:$M$77</definedName>
    <definedName name="_xlnm.Print_Area" localSheetId="1">'２月'!$B$1:$M$77</definedName>
    <definedName name="_xlnm.Print_Area" localSheetId="2">'３月'!$B$1:$M$77</definedName>
    <definedName name="_xlnm.Print_Area" localSheetId="3">'４月'!$B$1:$M$77</definedName>
    <definedName name="_xlnm.Print_Area" localSheetId="4">'５月'!$B$1:$M$77</definedName>
    <definedName name="_xlnm.Print_Area" localSheetId="5">'６月'!$B$1:$M$77</definedName>
    <definedName name="_xlnm.Print_Area" localSheetId="6">'７月'!$B$1:$M$77</definedName>
    <definedName name="_xlnm.Print_Area" localSheetId="7">'８月'!$B$1:$M$77</definedName>
    <definedName name="_xlnm.Print_Area" localSheetId="8">'９月'!$B$1:$M$77</definedName>
    <definedName name="_xlnm.Print_Titles" localSheetId="9">'10月'!$3:$6</definedName>
    <definedName name="_xlnm.Print_Titles" localSheetId="10">'11月'!$3:$6</definedName>
    <definedName name="_xlnm.Print_Titles" localSheetId="11">'12月'!$3:$6</definedName>
    <definedName name="_xlnm.Print_Titles" localSheetId="0">'1月'!$3:$6</definedName>
    <definedName name="_xlnm.Print_Titles" localSheetId="1">'２月'!$3:$6</definedName>
    <definedName name="_xlnm.Print_Titles" localSheetId="2">'３月'!$3:$6</definedName>
    <definedName name="_xlnm.Print_Titles" localSheetId="3">'４月'!$3:$6</definedName>
    <definedName name="_xlnm.Print_Titles" localSheetId="4">'５月'!$3:$6</definedName>
    <definedName name="_xlnm.Print_Titles" localSheetId="5">'６月'!$3:$6</definedName>
    <definedName name="_xlnm.Print_Titles" localSheetId="6">'７月'!$3:$6</definedName>
    <definedName name="_xlnm.Print_Titles" localSheetId="7">'８月'!$3:$6</definedName>
    <definedName name="_xlnm.Print_Titles" localSheetId="8">'９月'!$3:$6</definedName>
    <definedName name="横浜市">#REF!</definedName>
    <definedName name="市名" localSheetId="9">[1]様式1!$X$6:$X$9</definedName>
    <definedName name="市名" localSheetId="10">[2]様式1!$X$6:$X$9</definedName>
    <definedName name="市名" localSheetId="11">[3]様式1!$X$6:$X$9</definedName>
    <definedName name="市名" localSheetId="2">[4]様式1!$X$6:$X$9</definedName>
    <definedName name="市名" localSheetId="3">[5]様式1!$X$6:$X$9</definedName>
    <definedName name="市名" localSheetId="4">[5]様式1!$X$6:$X$9</definedName>
    <definedName name="市名" localSheetId="5">[5]様式1!$X$6:$X$9</definedName>
    <definedName name="市名" localSheetId="6">[5]様式1!$X$6:$X$9</definedName>
    <definedName name="市名" localSheetId="7">[6]様式1!$X$6:$X$9</definedName>
    <definedName name="市名" localSheetId="8">[7]様式1!$X$6:$X$9</definedName>
    <definedName name="市名">#REF!</definedName>
    <definedName name="人口と世帯３" localSheetId="9">#REF!</definedName>
    <definedName name="人口と世帯３" localSheetId="10">#REF!</definedName>
    <definedName name="人口と世帯３" localSheetId="11">#REF!</definedName>
    <definedName name="人口と世帯３" localSheetId="2">#REF!</definedName>
    <definedName name="人口と世帯３" localSheetId="3">#REF!</definedName>
    <definedName name="人口と世帯３" localSheetId="4">#REF!</definedName>
    <definedName name="人口と世帯３" localSheetId="5">#REF!</definedName>
    <definedName name="人口と世帯３" localSheetId="6">#REF!</definedName>
    <definedName name="人口と世帯３" localSheetId="7">#REF!</definedName>
    <definedName name="人口と世帯３" localSheetId="8">#REF!</definedName>
    <definedName name="人口と世帯３">#REF!</definedName>
    <definedName name="川崎市">#REF!</definedName>
    <definedName name="相模原市">#REF!</definedName>
  </definedNames>
  <calcPr calcId="152511"/>
</workbook>
</file>

<file path=xl/sharedStrings.xml><?xml version="1.0" encoding="utf-8"?>
<sst xmlns="http://schemas.openxmlformats.org/spreadsheetml/2006/main" count="1152" uniqueCount="153">
  <si>
    <t>１世帯当</t>
  </si>
  <si>
    <t>男</t>
  </si>
  <si>
    <t>女</t>
  </si>
  <si>
    <t>人口密度</t>
  </si>
  <si>
    <t>たり人員</t>
  </si>
  <si>
    <t>計</t>
  </si>
  <si>
    <t>人</t>
  </si>
  <si>
    <t>口</t>
  </si>
  <si>
    <t>世帯</t>
  </si>
  <si>
    <t>人　　  口 　　 と　 　 世 　　 帯</t>
  </si>
  <si>
    <t>市 区 町 村</t>
  </si>
  <si>
    <t>世 帯 数</t>
  </si>
  <si>
    <t>総  数</t>
  </si>
  <si>
    <t>自然増減</t>
  </si>
  <si>
    <t>社会増減</t>
  </si>
  <si>
    <t>（１ｋ㎡）</t>
  </si>
  <si>
    <t>郡部計</t>
  </si>
  <si>
    <t>横浜市</t>
  </si>
  <si>
    <t xml:space="preserve">  鶴見区</t>
  </si>
  <si>
    <t xml:space="preserve"> 西  区</t>
  </si>
  <si>
    <t xml:space="preserve">  中   区</t>
  </si>
  <si>
    <t xml:space="preserve"> 南  区</t>
  </si>
  <si>
    <t xml:space="preserve">  港南区</t>
  </si>
  <si>
    <t xml:space="preserve"> 旭  区</t>
  </si>
  <si>
    <t xml:space="preserve">  磯子区</t>
  </si>
  <si>
    <t xml:space="preserve">  金沢区</t>
  </si>
  <si>
    <t xml:space="preserve">  港北区</t>
  </si>
  <si>
    <t xml:space="preserve"> 緑  区</t>
  </si>
  <si>
    <t xml:space="preserve">  青葉区</t>
  </si>
  <si>
    <t xml:space="preserve">  都筑区</t>
  </si>
  <si>
    <t xml:space="preserve">  戸塚区</t>
  </si>
  <si>
    <t xml:space="preserve"> 栄  区</t>
  </si>
  <si>
    <t xml:space="preserve"> 泉  区</t>
  </si>
  <si>
    <t xml:space="preserve">  瀬谷区</t>
  </si>
  <si>
    <t>川崎市</t>
  </si>
  <si>
    <t xml:space="preserve">  川崎区</t>
  </si>
  <si>
    <t xml:space="preserve">  中原区</t>
  </si>
  <si>
    <t xml:space="preserve">  宮前区</t>
  </si>
  <si>
    <t xml:space="preserve">  多摩区</t>
  </si>
  <si>
    <t xml:space="preserve">  麻生区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相模原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中郡</t>
  </si>
  <si>
    <t xml:space="preserve">  大磯町</t>
  </si>
  <si>
    <t xml:space="preserve">  二宮町</t>
  </si>
  <si>
    <t>足柄上郡</t>
  </si>
  <si>
    <t xml:space="preserve">  中井町</t>
  </si>
  <si>
    <t xml:space="preserve">  大井町</t>
  </si>
  <si>
    <t xml:space="preserve">  松田町</t>
  </si>
  <si>
    <t xml:space="preserve">  山北町</t>
  </si>
  <si>
    <t xml:space="preserve">  開成町</t>
  </si>
  <si>
    <t>足柄下郡</t>
  </si>
  <si>
    <t xml:space="preserve">  箱根町</t>
  </si>
  <si>
    <t xml:space="preserve">  真鶴町</t>
  </si>
  <si>
    <t>愛甲郡</t>
  </si>
  <si>
    <t xml:space="preserve">  愛川町</t>
  </si>
  <si>
    <t xml:space="preserve">  清川村</t>
  </si>
  <si>
    <t>前１か月の人口増減の内訳</t>
    <rPh sb="7" eb="9">
      <t>ゾウゲン</t>
    </rPh>
    <phoneticPr fontId="6"/>
  </si>
  <si>
    <t xml:space="preserve"> 緑　区</t>
    <rPh sb="1" eb="2">
      <t>ミドリ</t>
    </rPh>
    <rPh sb="3" eb="4">
      <t>ク</t>
    </rPh>
    <phoneticPr fontId="6"/>
  </si>
  <si>
    <t xml:space="preserve"> 南　区</t>
    <rPh sb="1" eb="2">
      <t>ミナミ</t>
    </rPh>
    <rPh sb="3" eb="4">
      <t>ク</t>
    </rPh>
    <phoneticPr fontId="6"/>
  </si>
  <si>
    <t xml:space="preserve">   神奈川区</t>
    <phoneticPr fontId="6"/>
  </si>
  <si>
    <t>　保土ケ谷区</t>
    <phoneticPr fontId="6"/>
  </si>
  <si>
    <t xml:space="preserve"> 幸  区</t>
    <phoneticPr fontId="6"/>
  </si>
  <si>
    <t xml:space="preserve">  高津区</t>
    <phoneticPr fontId="6"/>
  </si>
  <si>
    <t xml:space="preserve">  中央区</t>
    <rPh sb="2" eb="3">
      <t>ナカ</t>
    </rPh>
    <rPh sb="3" eb="4">
      <t>ヒサシ</t>
    </rPh>
    <rPh sb="4" eb="5">
      <t>ク</t>
    </rPh>
    <phoneticPr fontId="6"/>
  </si>
  <si>
    <t>神奈川県人口統計調査結果「神奈川県の人口と世帯」</t>
    <phoneticPr fontId="7"/>
  </si>
  <si>
    <t>三浦郡葉山町</t>
    <phoneticPr fontId="6"/>
  </si>
  <si>
    <t>高座郡寒川町</t>
    <phoneticPr fontId="6"/>
  </si>
  <si>
    <t xml:space="preserve">   湯河原町</t>
    <phoneticPr fontId="6"/>
  </si>
  <si>
    <t>県計</t>
    <phoneticPr fontId="6"/>
  </si>
  <si>
    <t>市部計</t>
    <phoneticPr fontId="6"/>
  </si>
  <si>
    <t>（平成27年国勢調査確定数を基準人口とした推計人口）</t>
    <rPh sb="10" eb="11">
      <t>カク</t>
    </rPh>
    <rPh sb="11" eb="13">
      <t>テイスウ</t>
    </rPh>
    <phoneticPr fontId="7"/>
  </si>
  <si>
    <t>平成30年1月1日現在</t>
  </si>
  <si>
    <t>平成30年3月1日現在</t>
  </si>
  <si>
    <t xml:space="preserve">   神奈川区</t>
    <phoneticPr fontId="6"/>
  </si>
  <si>
    <t xml:space="preserve"> 幸  区</t>
    <phoneticPr fontId="6"/>
  </si>
  <si>
    <t xml:space="preserve">  高津区</t>
    <phoneticPr fontId="6"/>
  </si>
  <si>
    <t>三浦郡葉山町</t>
    <phoneticPr fontId="6"/>
  </si>
  <si>
    <t>高座郡寒川町</t>
    <phoneticPr fontId="6"/>
  </si>
  <si>
    <t>神奈川県人口統計調査結果「神奈川県の人口と世帯」</t>
    <phoneticPr fontId="7"/>
  </si>
  <si>
    <t>平成30年4月1日現在</t>
  </si>
  <si>
    <t>　保土ケ谷区</t>
    <phoneticPr fontId="6"/>
  </si>
  <si>
    <t xml:space="preserve">  高津区</t>
    <phoneticPr fontId="6"/>
  </si>
  <si>
    <t>高座郡寒川町</t>
    <phoneticPr fontId="6"/>
  </si>
  <si>
    <t>平成30年5月1日現在</t>
    <phoneticPr fontId="25"/>
  </si>
  <si>
    <t>県計</t>
    <phoneticPr fontId="6"/>
  </si>
  <si>
    <t>市部計</t>
    <phoneticPr fontId="6"/>
  </si>
  <si>
    <t xml:space="preserve">   神奈川区</t>
    <phoneticPr fontId="6"/>
  </si>
  <si>
    <t>　保土ケ谷区</t>
    <phoneticPr fontId="6"/>
  </si>
  <si>
    <t xml:space="preserve"> 幸  区</t>
    <phoneticPr fontId="6"/>
  </si>
  <si>
    <t xml:space="preserve">  高津区</t>
    <phoneticPr fontId="6"/>
  </si>
  <si>
    <t>高座郡寒川町</t>
    <phoneticPr fontId="6"/>
  </si>
  <si>
    <t xml:space="preserve">   湯河原町</t>
    <phoneticPr fontId="6"/>
  </si>
  <si>
    <t>神奈川県人口統計調査結果「神奈川県の人口と世帯」</t>
    <phoneticPr fontId="7"/>
  </si>
  <si>
    <t>平成30年6月1日現在</t>
  </si>
  <si>
    <t>神奈川県人口統計調査結果「神奈川県の人口と世帯」</t>
    <phoneticPr fontId="7"/>
  </si>
  <si>
    <t>人　　  口 　　 と　 　 世 　　 帯</t>
    <phoneticPr fontId="6"/>
  </si>
  <si>
    <t>平成30年7月1日現在</t>
  </si>
  <si>
    <t>県計</t>
    <phoneticPr fontId="6"/>
  </si>
  <si>
    <t>市部計</t>
    <phoneticPr fontId="6"/>
  </si>
  <si>
    <t xml:space="preserve">   神奈川区</t>
    <phoneticPr fontId="6"/>
  </si>
  <si>
    <t>　保土ケ谷区</t>
    <phoneticPr fontId="6"/>
  </si>
  <si>
    <t xml:space="preserve"> 幸  区</t>
    <phoneticPr fontId="6"/>
  </si>
  <si>
    <t xml:space="preserve">  高津区</t>
    <phoneticPr fontId="6"/>
  </si>
  <si>
    <t>三浦郡葉山町</t>
    <phoneticPr fontId="6"/>
  </si>
  <si>
    <t>高座郡寒川町</t>
    <phoneticPr fontId="6"/>
  </si>
  <si>
    <t xml:space="preserve">   湯河原町</t>
    <phoneticPr fontId="6"/>
  </si>
  <si>
    <t>神奈川県人口統計調査結果「神奈川県の人口と世帯」</t>
    <phoneticPr fontId="7"/>
  </si>
  <si>
    <t>平成30年8月1日現在</t>
  </si>
  <si>
    <t>県計</t>
    <phoneticPr fontId="6"/>
  </si>
  <si>
    <t xml:space="preserve">   神奈川区</t>
    <phoneticPr fontId="6"/>
  </si>
  <si>
    <t>　保土ケ谷区</t>
    <phoneticPr fontId="6"/>
  </si>
  <si>
    <t xml:space="preserve">  高津区</t>
    <phoneticPr fontId="6"/>
  </si>
  <si>
    <t>三浦郡葉山町</t>
    <phoneticPr fontId="6"/>
  </si>
  <si>
    <t>高座郡寒川町</t>
    <phoneticPr fontId="6"/>
  </si>
  <si>
    <t>平成30年9月1日現在</t>
  </si>
  <si>
    <t>県計</t>
    <phoneticPr fontId="6"/>
  </si>
  <si>
    <t>市部計</t>
    <phoneticPr fontId="6"/>
  </si>
  <si>
    <t>　保土ケ谷区</t>
    <phoneticPr fontId="6"/>
  </si>
  <si>
    <t xml:space="preserve"> 幸  区</t>
    <phoneticPr fontId="6"/>
  </si>
  <si>
    <t xml:space="preserve">  高津区</t>
    <phoneticPr fontId="6"/>
  </si>
  <si>
    <t>三浦郡葉山町</t>
    <phoneticPr fontId="6"/>
  </si>
  <si>
    <t>平成30年10月1日現在</t>
  </si>
  <si>
    <t>平成30年11月1日現在</t>
  </si>
  <si>
    <t>県計</t>
    <phoneticPr fontId="6"/>
  </si>
  <si>
    <t>市部計</t>
    <phoneticPr fontId="6"/>
  </si>
  <si>
    <t>　保土ケ谷区</t>
    <phoneticPr fontId="6"/>
  </si>
  <si>
    <t xml:space="preserve">  高津区</t>
    <phoneticPr fontId="6"/>
  </si>
  <si>
    <t>三浦郡葉山町</t>
    <phoneticPr fontId="6"/>
  </si>
  <si>
    <t>高座郡寒川町</t>
    <phoneticPr fontId="6"/>
  </si>
  <si>
    <t xml:space="preserve">   湯河原町</t>
    <phoneticPr fontId="6"/>
  </si>
  <si>
    <t>神奈川県人口統計調査結果「神奈川県の人口と世帯」</t>
    <phoneticPr fontId="7"/>
  </si>
  <si>
    <t>平成30年12月1日現在</t>
  </si>
  <si>
    <t>　保土ケ谷区</t>
    <phoneticPr fontId="6"/>
  </si>
  <si>
    <t xml:space="preserve">   湯河原町</t>
    <phoneticPr fontId="6"/>
  </si>
  <si>
    <t>平成30年2月1日現在</t>
    <phoneticPr fontId="7"/>
  </si>
  <si>
    <t>三浦郡葉山町</t>
    <phoneticPr fontId="6"/>
  </si>
  <si>
    <t>（平成27年国勢調査確定数を基準人口とした推計人口）</t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_ "/>
    <numFmt numFmtId="177" formatCode="#,##0.00_ "/>
  </numFmts>
  <fonts count="28">
    <font>
      <sz val="11"/>
      <name val="明朝"/>
      <family val="1"/>
      <charset val="128"/>
    </font>
    <font>
      <sz val="12"/>
      <color theme="1"/>
      <name val="ＭＳ 明朝"/>
      <family val="2"/>
      <charset val="128"/>
    </font>
    <font>
      <sz val="11"/>
      <name val="明朝"/>
      <family val="1"/>
      <charset val="128"/>
    </font>
    <font>
      <sz val="14"/>
      <name val="Terminal"/>
      <family val="3"/>
      <charset val="255"/>
    </font>
    <font>
      <sz val="12"/>
      <name val="ＭＳ 明朝"/>
      <family val="1"/>
      <charset val="128"/>
    </font>
    <font>
      <sz val="11"/>
      <name val="明朝"/>
      <family val="1"/>
      <charset val="128"/>
    </font>
    <font>
      <sz val="6"/>
      <name val="ＭＳ Ｐ明朝"/>
      <family val="1"/>
      <charset val="128"/>
    </font>
    <font>
      <sz val="6"/>
      <name val="明朝"/>
      <family val="1"/>
      <charset val="128"/>
    </font>
    <font>
      <sz val="11"/>
      <name val="HGPｺﾞｼｯｸM"/>
      <family val="3"/>
      <charset val="128"/>
    </font>
    <font>
      <sz val="12"/>
      <name val="HGPｺﾞｼｯｸM"/>
      <family val="3"/>
      <charset val="128"/>
    </font>
    <font>
      <sz val="10"/>
      <name val="HGPｺﾞｼｯｸM"/>
      <family val="3"/>
      <charset val="128"/>
    </font>
    <font>
      <sz val="11"/>
      <name val="ＭＳ Ｐゴシック"/>
      <family val="3"/>
      <charset val="128"/>
    </font>
    <font>
      <sz val="14"/>
      <name val="HGPｺﾞｼｯｸM"/>
      <family val="3"/>
      <charset val="128"/>
    </font>
    <font>
      <sz val="11"/>
      <name val="HGPｺﾞｼｯｸE"/>
      <family val="3"/>
      <charset val="128"/>
    </font>
    <font>
      <sz val="11"/>
      <color theme="0"/>
      <name val="明朝"/>
      <family val="1"/>
      <charset val="128"/>
    </font>
    <font>
      <sz val="11"/>
      <color theme="0"/>
      <name val="HGPｺﾞｼｯｸM"/>
      <family val="3"/>
      <charset val="128"/>
    </font>
    <font>
      <sz val="20"/>
      <name val="HGPｺﾞｼｯｸM"/>
      <family val="3"/>
      <charset val="128"/>
    </font>
    <font>
      <sz val="18"/>
      <name val="HGPｺﾞｼｯｸM"/>
      <family val="3"/>
      <charset val="128"/>
    </font>
    <font>
      <sz val="16"/>
      <name val="HGPｺﾞｼｯｸM"/>
      <family val="3"/>
      <charset val="128"/>
    </font>
    <font>
      <b/>
      <sz val="11"/>
      <name val="HGPｺﾞｼｯｸM"/>
      <family val="3"/>
      <charset val="128"/>
    </font>
    <font>
      <b/>
      <sz val="9"/>
      <name val="HGPｺﾞｼｯｸM"/>
      <family val="3"/>
      <charset val="128"/>
    </font>
    <font>
      <b/>
      <sz val="11"/>
      <color theme="0"/>
      <name val="HGPｺﾞｼｯｸM"/>
      <family val="3"/>
      <charset val="128"/>
    </font>
    <font>
      <sz val="11"/>
      <color theme="0"/>
      <name val="HGPｺﾞｼｯｸE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6"/>
      <name val="ＭＳ 明朝"/>
      <family val="2"/>
      <charset val="128"/>
    </font>
    <font>
      <sz val="10"/>
      <name val="HGPｺﾞｼｯｸE"/>
      <family val="3"/>
      <charset val="128"/>
    </font>
    <font>
      <b/>
      <sz val="11"/>
      <name val="HGPｺﾞｼｯｸE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theme="6" tint="0.39997558519241921"/>
        <bgColor indexed="64"/>
      </patternFill>
    </fill>
    <fill>
      <patternFill patternType="solid">
        <fgColor theme="5" tint="-0.249977111117893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C4D79B"/>
        <bgColor indexed="64"/>
      </patternFill>
    </fill>
  </fills>
  <borders count="42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54"/>
      </left>
      <right/>
      <top/>
      <bottom/>
      <diagonal/>
    </border>
    <border>
      <left/>
      <right/>
      <top/>
      <bottom style="medium">
        <color indexed="5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8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8"/>
      </left>
      <right style="thin">
        <color indexed="64"/>
      </right>
      <top style="medium">
        <color indexed="64"/>
      </top>
      <bottom/>
      <diagonal/>
    </border>
    <border>
      <left style="medium">
        <color indexed="8"/>
      </left>
      <right style="thin">
        <color indexed="64"/>
      </right>
      <top/>
      <bottom style="medium">
        <color indexed="64"/>
      </bottom>
      <diagonal/>
    </border>
    <border>
      <left style="thin">
        <color indexed="8"/>
      </left>
      <right style="thin">
        <color indexed="8"/>
      </right>
      <top/>
      <bottom/>
      <diagonal/>
    </border>
    <border>
      <left style="thin">
        <color indexed="8"/>
      </left>
      <right/>
      <top/>
      <bottom/>
      <diagonal/>
    </border>
    <border>
      <left/>
      <right style="thin">
        <color indexed="8"/>
      </right>
      <top/>
      <bottom/>
      <diagonal/>
    </border>
    <border>
      <left style="thin">
        <color indexed="8"/>
      </left>
      <right style="medium">
        <color indexed="8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/>
      <right/>
      <top/>
      <bottom style="medium">
        <color indexed="54"/>
      </bottom>
      <diagonal/>
    </border>
    <border>
      <left/>
      <right/>
      <top/>
      <bottom style="medium">
        <color indexed="5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5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/>
      <right/>
      <top/>
      <bottom style="medium">
        <color indexed="54"/>
      </bottom>
      <diagonal/>
    </border>
  </borders>
  <cellStyleXfs count="8">
    <xf numFmtId="0" fontId="0" fillId="0" borderId="0"/>
    <xf numFmtId="37" fontId="3" fillId="0" borderId="0"/>
    <xf numFmtId="0" fontId="11" fillId="0" borderId="0"/>
    <xf numFmtId="40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1" fillId="0" borderId="0">
      <alignment vertical="center"/>
    </xf>
    <xf numFmtId="38" fontId="2" fillId="0" borderId="0" applyFont="0" applyFill="0" applyBorder="0" applyAlignment="0" applyProtection="0"/>
    <xf numFmtId="0" fontId="4" fillId="0" borderId="0">
      <alignment vertical="center"/>
    </xf>
  </cellStyleXfs>
  <cellXfs count="213">
    <xf numFmtId="0" fontId="0" fillId="0" borderId="0" xfId="0"/>
    <xf numFmtId="37" fontId="5" fillId="0" borderId="0" xfId="1" applyFont="1"/>
    <xf numFmtId="37" fontId="5" fillId="0" borderId="2" xfId="1" applyFont="1" applyBorder="1"/>
    <xf numFmtId="37" fontId="5" fillId="0" borderId="0" xfId="1" applyFont="1" applyBorder="1"/>
    <xf numFmtId="37" fontId="0" fillId="0" borderId="0" xfId="1" applyFont="1"/>
    <xf numFmtId="37" fontId="8" fillId="0" borderId="0" xfId="1" applyFont="1"/>
    <xf numFmtId="37" fontId="5" fillId="2" borderId="5" xfId="1" applyFont="1" applyFill="1" applyBorder="1" applyAlignment="1">
      <alignment vertical="center"/>
    </xf>
    <xf numFmtId="37" fontId="19" fillId="2" borderId="0" xfId="1" applyFont="1" applyFill="1" applyBorder="1" applyAlignment="1" applyProtection="1">
      <alignment horizontal="distributed" vertical="center"/>
    </xf>
    <xf numFmtId="176" fontId="8" fillId="2" borderId="7" xfId="1" applyNumberFormat="1" applyFont="1" applyFill="1" applyBorder="1" applyAlignment="1" applyProtection="1">
      <alignment vertical="center"/>
    </xf>
    <xf numFmtId="176" fontId="8" fillId="2" borderId="21" xfId="1" applyNumberFormat="1" applyFont="1" applyFill="1" applyBorder="1" applyAlignment="1" applyProtection="1">
      <alignment vertical="center"/>
    </xf>
    <xf numFmtId="176" fontId="8" fillId="2" borderId="20" xfId="1" applyNumberFormat="1" applyFont="1" applyFill="1" applyBorder="1" applyAlignment="1" applyProtection="1">
      <alignment vertical="center"/>
    </xf>
    <xf numFmtId="177" fontId="8" fillId="2" borderId="22" xfId="1" applyNumberFormat="1" applyFont="1" applyFill="1" applyBorder="1" applyAlignment="1" applyProtection="1">
      <alignment vertical="center"/>
    </xf>
    <xf numFmtId="176" fontId="8" fillId="2" borderId="23" xfId="1" applyNumberFormat="1" applyFont="1" applyFill="1" applyBorder="1" applyAlignment="1" applyProtection="1">
      <alignment vertical="center"/>
    </xf>
    <xf numFmtId="37" fontId="8" fillId="2" borderId="0" xfId="1" applyFont="1" applyFill="1" applyBorder="1" applyAlignment="1" applyProtection="1">
      <alignment horizontal="distributed" vertical="center"/>
    </xf>
    <xf numFmtId="37" fontId="5" fillId="2" borderId="5" xfId="1" applyFont="1" applyFill="1" applyBorder="1"/>
    <xf numFmtId="37" fontId="8" fillId="2" borderId="17" xfId="1" applyFont="1" applyFill="1" applyBorder="1" applyAlignment="1" applyProtection="1">
      <alignment horizontal="distributed" vertical="center"/>
    </xf>
    <xf numFmtId="37" fontId="14" fillId="3" borderId="5" xfId="1" applyFont="1" applyFill="1" applyBorder="1" applyAlignment="1">
      <alignment vertical="center"/>
    </xf>
    <xf numFmtId="37" fontId="21" fillId="3" borderId="0" xfId="1" applyFont="1" applyFill="1" applyBorder="1" applyAlignment="1" applyProtection="1">
      <alignment horizontal="distributed" vertical="center"/>
    </xf>
    <xf numFmtId="176" fontId="15" fillId="3" borderId="7" xfId="1" applyNumberFormat="1" applyFont="1" applyFill="1" applyBorder="1" applyAlignment="1" applyProtection="1">
      <alignment vertical="center"/>
    </xf>
    <xf numFmtId="176" fontId="15" fillId="3" borderId="21" xfId="1" applyNumberFormat="1" applyFont="1" applyFill="1" applyBorder="1" applyAlignment="1" applyProtection="1">
      <alignment vertical="center"/>
    </xf>
    <xf numFmtId="176" fontId="15" fillId="3" borderId="20" xfId="1" applyNumberFormat="1" applyFont="1" applyFill="1" applyBorder="1" applyAlignment="1" applyProtection="1">
      <alignment vertical="center"/>
    </xf>
    <xf numFmtId="177" fontId="15" fillId="3" borderId="22" xfId="1" applyNumberFormat="1" applyFont="1" applyFill="1" applyBorder="1" applyAlignment="1" applyProtection="1">
      <alignment vertical="center"/>
    </xf>
    <xf numFmtId="176" fontId="15" fillId="3" borderId="23" xfId="1" applyNumberFormat="1" applyFont="1" applyFill="1" applyBorder="1" applyAlignment="1" applyProtection="1">
      <alignment vertical="center"/>
    </xf>
    <xf numFmtId="37" fontId="22" fillId="3" borderId="0" xfId="1" applyFont="1" applyFill="1" applyBorder="1" applyAlignment="1" applyProtection="1">
      <alignment horizontal="distributed" vertical="center"/>
    </xf>
    <xf numFmtId="37" fontId="13" fillId="2" borderId="0" xfId="1" applyFont="1" applyFill="1" applyBorder="1" applyAlignment="1" applyProtection="1">
      <alignment horizontal="distributed" vertical="center"/>
    </xf>
    <xf numFmtId="37" fontId="5" fillId="4" borderId="0" xfId="1" applyFont="1" applyFill="1"/>
    <xf numFmtId="37" fontId="16" fillId="4" borderId="0" xfId="1" applyFont="1" applyFill="1" applyAlignment="1" applyProtection="1">
      <alignment horizontal="centerContinuous"/>
    </xf>
    <xf numFmtId="37" fontId="17" fillId="4" borderId="0" xfId="1" applyFont="1" applyFill="1" applyAlignment="1" applyProtection="1">
      <alignment horizontal="centerContinuous"/>
    </xf>
    <xf numFmtId="0" fontId="8" fillId="4" borderId="0" xfId="0" applyFont="1" applyFill="1" applyAlignment="1">
      <alignment horizontal="centerContinuous"/>
    </xf>
    <xf numFmtId="37" fontId="8" fillId="4" borderId="0" xfId="1" applyFont="1" applyFill="1" applyAlignment="1">
      <alignment horizontal="centerContinuous"/>
    </xf>
    <xf numFmtId="37" fontId="18" fillId="4" borderId="0" xfId="1" applyFont="1" applyFill="1" applyBorder="1" applyAlignment="1">
      <alignment horizontal="centerContinuous"/>
    </xf>
    <xf numFmtId="37" fontId="8" fillId="4" borderId="0" xfId="1" applyFont="1" applyFill="1"/>
    <xf numFmtId="37" fontId="12" fillId="4" borderId="3" xfId="1" applyFont="1" applyFill="1" applyBorder="1" applyAlignment="1" applyProtection="1">
      <alignment horizontal="left"/>
      <protection locked="0"/>
    </xf>
    <xf numFmtId="37" fontId="9" fillId="4" borderId="3" xfId="1" applyFont="1" applyFill="1" applyBorder="1" applyAlignment="1" applyProtection="1">
      <alignment horizontal="left"/>
      <protection locked="0"/>
    </xf>
    <xf numFmtId="37" fontId="8" fillId="4" borderId="3" xfId="1" applyFont="1" applyFill="1" applyBorder="1"/>
    <xf numFmtId="37" fontId="8" fillId="4" borderId="3" xfId="1" applyFont="1" applyFill="1" applyBorder="1" applyAlignment="1">
      <alignment horizontal="right"/>
    </xf>
    <xf numFmtId="37" fontId="5" fillId="4" borderId="4" xfId="1" applyFont="1" applyFill="1" applyBorder="1" applyAlignment="1">
      <alignment vertical="center"/>
    </xf>
    <xf numFmtId="37" fontId="8" fillId="4" borderId="16" xfId="1" applyFont="1" applyFill="1" applyBorder="1" applyAlignment="1">
      <alignment vertical="center"/>
    </xf>
    <xf numFmtId="37" fontId="8" fillId="4" borderId="13" xfId="1" applyFont="1" applyFill="1" applyBorder="1" applyAlignment="1" applyProtection="1">
      <alignment horizontal="right" vertical="center"/>
    </xf>
    <xf numFmtId="37" fontId="8" fillId="4" borderId="14" xfId="1" applyFont="1" applyFill="1" applyBorder="1" applyAlignment="1">
      <alignment vertical="center"/>
    </xf>
    <xf numFmtId="37" fontId="8" fillId="4" borderId="14" xfId="1" applyFont="1" applyFill="1" applyBorder="1" applyAlignment="1" applyProtection="1">
      <alignment horizontal="left" vertical="center"/>
    </xf>
    <xf numFmtId="37" fontId="8" fillId="4" borderId="13" xfId="1" applyFont="1" applyFill="1" applyBorder="1" applyAlignment="1" applyProtection="1">
      <alignment horizontal="centerContinuous" vertical="center"/>
    </xf>
    <xf numFmtId="37" fontId="8" fillId="4" borderId="14" xfId="1" applyFont="1" applyFill="1" applyBorder="1" applyAlignment="1">
      <alignment horizontal="centerContinuous" vertical="center"/>
    </xf>
    <xf numFmtId="37" fontId="8" fillId="4" borderId="11" xfId="1" applyFont="1" applyFill="1" applyBorder="1" applyAlignment="1" applyProtection="1">
      <alignment horizontal="center" vertical="center"/>
    </xf>
    <xf numFmtId="37" fontId="8" fillId="4" borderId="12" xfId="1" applyFont="1" applyFill="1" applyBorder="1" applyAlignment="1" applyProtection="1">
      <alignment horizontal="center" vertical="center"/>
    </xf>
    <xf numFmtId="37" fontId="5" fillId="4" borderId="6" xfId="1" applyFont="1" applyFill="1" applyBorder="1" applyAlignment="1">
      <alignment vertical="center"/>
    </xf>
    <xf numFmtId="37" fontId="8" fillId="4" borderId="15" xfId="1" applyFont="1" applyFill="1" applyBorder="1" applyAlignment="1" applyProtection="1">
      <alignment horizontal="center" vertical="center"/>
    </xf>
    <xf numFmtId="37" fontId="8" fillId="4" borderId="8" xfId="1" applyFont="1" applyFill="1" applyBorder="1" applyAlignment="1" applyProtection="1">
      <alignment horizontal="center" vertical="center"/>
    </xf>
    <xf numFmtId="37" fontId="10" fillId="4" borderId="9" xfId="1" applyFont="1" applyFill="1" applyBorder="1" applyAlignment="1" applyProtection="1">
      <alignment horizontal="center" vertical="center"/>
    </xf>
    <xf numFmtId="37" fontId="5" fillId="4" borderId="5" xfId="1" applyFont="1" applyFill="1" applyBorder="1"/>
    <xf numFmtId="37" fontId="8" fillId="4" borderId="0" xfId="1" applyFont="1" applyFill="1" applyBorder="1"/>
    <xf numFmtId="37" fontId="10" fillId="4" borderId="7" xfId="1" applyFont="1" applyFill="1" applyBorder="1" applyAlignment="1" applyProtection="1">
      <alignment horizontal="right" vertical="top"/>
    </xf>
    <xf numFmtId="37" fontId="10" fillId="4" borderId="1" xfId="1" applyFont="1" applyFill="1" applyBorder="1" applyAlignment="1" applyProtection="1">
      <alignment horizontal="right" vertical="top"/>
    </xf>
    <xf numFmtId="37" fontId="10" fillId="4" borderId="10" xfId="1" applyFont="1" applyFill="1" applyBorder="1" applyAlignment="1" applyProtection="1">
      <alignment horizontal="right" vertical="top"/>
    </xf>
    <xf numFmtId="37" fontId="5" fillId="4" borderId="5" xfId="1" applyFont="1" applyFill="1" applyBorder="1" applyAlignment="1">
      <alignment vertical="center"/>
    </xf>
    <xf numFmtId="37" fontId="13" fillId="4" borderId="0" xfId="1" applyFont="1" applyFill="1" applyBorder="1" applyAlignment="1" applyProtection="1">
      <alignment horizontal="distributed" vertical="center"/>
    </xf>
    <xf numFmtId="37" fontId="19" fillId="4" borderId="0" xfId="1" applyFont="1" applyFill="1" applyBorder="1" applyAlignment="1" applyProtection="1">
      <alignment horizontal="distributed" vertical="center"/>
    </xf>
    <xf numFmtId="176" fontId="8" fillId="4" borderId="7" xfId="1" applyNumberFormat="1" applyFont="1" applyFill="1" applyBorder="1" applyAlignment="1" applyProtection="1">
      <alignment vertical="center"/>
    </xf>
    <xf numFmtId="176" fontId="8" fillId="4" borderId="21" xfId="1" applyNumberFormat="1" applyFont="1" applyFill="1" applyBorder="1" applyAlignment="1" applyProtection="1">
      <alignment vertical="center"/>
    </xf>
    <xf numFmtId="176" fontId="8" fillId="4" borderId="20" xfId="1" applyNumberFormat="1" applyFont="1" applyFill="1" applyBorder="1" applyAlignment="1" applyProtection="1">
      <alignment vertical="center"/>
    </xf>
    <xf numFmtId="177" fontId="8" fillId="4" borderId="22" xfId="1" applyNumberFormat="1" applyFont="1" applyFill="1" applyBorder="1" applyAlignment="1" applyProtection="1">
      <alignment vertical="center"/>
    </xf>
    <xf numFmtId="176" fontId="8" fillId="4" borderId="23" xfId="1" applyNumberFormat="1" applyFont="1" applyFill="1" applyBorder="1" applyAlignment="1" applyProtection="1">
      <alignment vertical="center"/>
    </xf>
    <xf numFmtId="37" fontId="19" fillId="4" borderId="0" xfId="1" applyFont="1" applyFill="1" applyBorder="1" applyAlignment="1">
      <alignment horizontal="distributed" vertical="center"/>
    </xf>
    <xf numFmtId="176" fontId="19" fillId="4" borderId="7" xfId="1" applyNumberFormat="1" applyFont="1" applyFill="1" applyBorder="1" applyAlignment="1" applyProtection="1">
      <alignment vertical="center"/>
    </xf>
    <xf numFmtId="176" fontId="19" fillId="4" borderId="21" xfId="1" applyNumberFormat="1" applyFont="1" applyFill="1" applyBorder="1" applyAlignment="1" applyProtection="1">
      <alignment vertical="center"/>
    </xf>
    <xf numFmtId="176" fontId="19" fillId="4" borderId="20" xfId="1" applyNumberFormat="1" applyFont="1" applyFill="1" applyBorder="1" applyAlignment="1" applyProtection="1">
      <alignment vertical="center"/>
    </xf>
    <xf numFmtId="177" fontId="19" fillId="4" borderId="22" xfId="1" applyNumberFormat="1" applyFont="1" applyFill="1" applyBorder="1" applyAlignment="1" applyProtection="1">
      <alignment vertical="center"/>
    </xf>
    <xf numFmtId="176" fontId="19" fillId="4" borderId="23" xfId="1" applyNumberFormat="1" applyFont="1" applyFill="1" applyBorder="1" applyAlignment="1" applyProtection="1">
      <alignment vertical="center"/>
    </xf>
    <xf numFmtId="37" fontId="23" fillId="4" borderId="0" xfId="1" applyFont="1" applyFill="1" applyBorder="1" applyAlignment="1" applyProtection="1">
      <alignment horizontal="distributed" vertical="center"/>
    </xf>
    <xf numFmtId="37" fontId="24" fillId="4" borderId="0" xfId="1" applyFont="1" applyFill="1" applyBorder="1" applyAlignment="1" applyProtection="1">
      <alignment horizontal="distributed" vertical="center"/>
    </xf>
    <xf numFmtId="37" fontId="20" fillId="4" borderId="0" xfId="1" applyFont="1" applyFill="1" applyBorder="1" applyAlignment="1" applyProtection="1">
      <alignment horizontal="distributed" vertical="center"/>
    </xf>
    <xf numFmtId="37" fontId="8" fillId="4" borderId="0" xfId="1" applyFont="1" applyFill="1" applyBorder="1" applyAlignment="1" applyProtection="1">
      <alignment horizontal="distributed" vertical="center"/>
    </xf>
    <xf numFmtId="37" fontId="19" fillId="4" borderId="17" xfId="1" applyFont="1" applyFill="1" applyBorder="1" applyAlignment="1" applyProtection="1">
      <alignment horizontal="distributed" vertical="center"/>
    </xf>
    <xf numFmtId="37" fontId="8" fillId="4" borderId="17" xfId="1" applyFont="1" applyFill="1" applyBorder="1" applyAlignment="1" applyProtection="1">
      <alignment horizontal="distributed" vertical="center"/>
    </xf>
    <xf numFmtId="0" fontId="5" fillId="4" borderId="26" xfId="1" applyNumberFormat="1" applyFont="1" applyFill="1" applyBorder="1"/>
    <xf numFmtId="0" fontId="8" fillId="4" borderId="25" xfId="1" applyNumberFormat="1" applyFont="1" applyFill="1" applyBorder="1"/>
    <xf numFmtId="0" fontId="8" fillId="4" borderId="28" xfId="1" applyNumberFormat="1" applyFont="1" applyFill="1" applyBorder="1"/>
    <xf numFmtId="0" fontId="8" fillId="4" borderId="24" xfId="1" applyNumberFormat="1" applyFont="1" applyFill="1" applyBorder="1"/>
    <xf numFmtId="0" fontId="8" fillId="4" borderId="27" xfId="1" applyNumberFormat="1" applyFont="1" applyFill="1" applyBorder="1"/>
    <xf numFmtId="37" fontId="8" fillId="4" borderId="0" xfId="1" applyFont="1" applyFill="1" applyAlignment="1">
      <alignment horizontal="right"/>
    </xf>
    <xf numFmtId="37" fontId="2" fillId="0" borderId="0" xfId="1" applyFont="1"/>
    <xf numFmtId="37" fontId="16" fillId="0" borderId="0" xfId="1" applyFont="1" applyAlignment="1" applyProtection="1">
      <alignment horizontal="centerContinuous"/>
    </xf>
    <xf numFmtId="37" fontId="17" fillId="0" borderId="0" xfId="1" applyFont="1" applyAlignment="1" applyProtection="1">
      <alignment horizontal="centerContinuous"/>
    </xf>
    <xf numFmtId="0" fontId="8" fillId="0" borderId="0" xfId="0" applyFont="1" applyAlignment="1">
      <alignment horizontal="centerContinuous"/>
    </xf>
    <xf numFmtId="37" fontId="8" fillId="0" borderId="0" xfId="1" applyFont="1" applyAlignment="1">
      <alignment horizontal="centerContinuous"/>
    </xf>
    <xf numFmtId="37" fontId="18" fillId="0" borderId="0" xfId="1" applyFont="1" applyBorder="1" applyAlignment="1">
      <alignment horizontal="centerContinuous"/>
    </xf>
    <xf numFmtId="37" fontId="12" fillId="0" borderId="29" xfId="1" applyFont="1" applyBorder="1" applyAlignment="1" applyProtection="1">
      <alignment horizontal="left"/>
      <protection locked="0"/>
    </xf>
    <xf numFmtId="37" fontId="9" fillId="0" borderId="29" xfId="1" applyFont="1" applyBorder="1" applyAlignment="1" applyProtection="1">
      <alignment horizontal="left"/>
      <protection locked="0"/>
    </xf>
    <xf numFmtId="37" fontId="8" fillId="0" borderId="29" xfId="1" applyFont="1" applyBorder="1"/>
    <xf numFmtId="37" fontId="8" fillId="0" borderId="29" xfId="1" applyFont="1" applyBorder="1" applyAlignment="1">
      <alignment horizontal="right"/>
    </xf>
    <xf numFmtId="37" fontId="2" fillId="0" borderId="4" xfId="1" applyFont="1" applyBorder="1" applyAlignment="1">
      <alignment vertical="center"/>
    </xf>
    <xf numFmtId="37" fontId="8" fillId="0" borderId="16" xfId="1" applyFont="1" applyBorder="1" applyAlignment="1">
      <alignment vertical="center"/>
    </xf>
    <xf numFmtId="37" fontId="8" fillId="0" borderId="13" xfId="1" applyFont="1" applyBorder="1" applyAlignment="1" applyProtection="1">
      <alignment horizontal="right" vertical="center"/>
    </xf>
    <xf numFmtId="37" fontId="8" fillId="0" borderId="14" xfId="1" applyFont="1" applyBorder="1" applyAlignment="1">
      <alignment vertical="center"/>
    </xf>
    <xf numFmtId="37" fontId="8" fillId="0" borderId="14" xfId="1" applyFont="1" applyBorder="1" applyAlignment="1" applyProtection="1">
      <alignment horizontal="left" vertical="center"/>
    </xf>
    <xf numFmtId="37" fontId="8" fillId="0" borderId="13" xfId="1" applyFont="1" applyBorder="1" applyAlignment="1" applyProtection="1">
      <alignment horizontal="centerContinuous" vertical="center"/>
    </xf>
    <xf numFmtId="37" fontId="8" fillId="0" borderId="14" xfId="1" applyFont="1" applyBorder="1" applyAlignment="1">
      <alignment horizontal="centerContinuous" vertical="center"/>
    </xf>
    <xf numFmtId="37" fontId="8" fillId="0" borderId="11" xfId="1" applyFont="1" applyBorder="1" applyAlignment="1" applyProtection="1">
      <alignment horizontal="center" vertical="center"/>
    </xf>
    <xf numFmtId="37" fontId="8" fillId="0" borderId="12" xfId="1" applyFont="1" applyBorder="1" applyAlignment="1" applyProtection="1">
      <alignment horizontal="center" vertical="center"/>
    </xf>
    <xf numFmtId="37" fontId="2" fillId="0" borderId="2" xfId="1" applyFont="1" applyBorder="1"/>
    <xf numFmtId="37" fontId="2" fillId="0" borderId="6" xfId="1" applyFont="1" applyBorder="1" applyAlignment="1">
      <alignment vertical="center"/>
    </xf>
    <xf numFmtId="37" fontId="8" fillId="0" borderId="25" xfId="1" applyFont="1" applyBorder="1" applyAlignment="1" applyProtection="1">
      <alignment horizontal="center" vertical="center"/>
    </xf>
    <xf numFmtId="37" fontId="8" fillId="0" borderId="8" xfId="1" applyFont="1" applyBorder="1" applyAlignment="1" applyProtection="1">
      <alignment horizontal="center" vertical="center"/>
    </xf>
    <xf numFmtId="37" fontId="10" fillId="0" borderId="9" xfId="1" applyFont="1" applyBorder="1" applyAlignment="1" applyProtection="1">
      <alignment horizontal="center" vertical="center"/>
    </xf>
    <xf numFmtId="37" fontId="2" fillId="0" borderId="5" xfId="1" applyFont="1" applyBorder="1"/>
    <xf numFmtId="37" fontId="8" fillId="0" borderId="0" xfId="1" applyFont="1" applyBorder="1"/>
    <xf numFmtId="37" fontId="10" fillId="0" borderId="7" xfId="1" applyFont="1" applyBorder="1" applyAlignment="1" applyProtection="1">
      <alignment horizontal="right" vertical="top"/>
    </xf>
    <xf numFmtId="37" fontId="10" fillId="0" borderId="1" xfId="1" applyFont="1" applyBorder="1" applyAlignment="1" applyProtection="1">
      <alignment horizontal="right" vertical="top"/>
    </xf>
    <xf numFmtId="37" fontId="10" fillId="0" borderId="10" xfId="1" applyFont="1" applyBorder="1" applyAlignment="1" applyProtection="1">
      <alignment horizontal="right" vertical="top"/>
    </xf>
    <xf numFmtId="37" fontId="2" fillId="0" borderId="0" xfId="1" applyFont="1" applyBorder="1"/>
    <xf numFmtId="37" fontId="2" fillId="0" borderId="5" xfId="1" applyFont="1" applyBorder="1" applyAlignment="1">
      <alignment vertical="center"/>
    </xf>
    <xf numFmtId="37" fontId="13" fillId="0" borderId="0" xfId="1" applyFont="1" applyBorder="1" applyAlignment="1" applyProtection="1">
      <alignment horizontal="distributed" vertical="center"/>
    </xf>
    <xf numFmtId="37" fontId="19" fillId="0" borderId="0" xfId="1" applyFont="1" applyBorder="1" applyAlignment="1" applyProtection="1">
      <alignment horizontal="distributed" vertical="center"/>
    </xf>
    <xf numFmtId="176" fontId="8" fillId="0" borderId="7" xfId="1" applyNumberFormat="1" applyFont="1" applyBorder="1" applyAlignment="1" applyProtection="1">
      <alignment vertical="center"/>
    </xf>
    <xf numFmtId="176" fontId="8" fillId="0" borderId="21" xfId="1" applyNumberFormat="1" applyFont="1" applyBorder="1" applyAlignment="1" applyProtection="1">
      <alignment vertical="center"/>
    </xf>
    <xf numFmtId="176" fontId="8" fillId="0" borderId="20" xfId="1" applyNumberFormat="1" applyFont="1" applyBorder="1" applyAlignment="1" applyProtection="1">
      <alignment vertical="center"/>
    </xf>
    <xf numFmtId="177" fontId="8" fillId="0" borderId="22" xfId="1" applyNumberFormat="1" applyFont="1" applyBorder="1" applyAlignment="1" applyProtection="1">
      <alignment vertical="center"/>
    </xf>
    <xf numFmtId="176" fontId="8" fillId="0" borderId="23" xfId="1" applyNumberFormat="1" applyFont="1" applyBorder="1" applyAlignment="1" applyProtection="1">
      <alignment vertical="center"/>
    </xf>
    <xf numFmtId="37" fontId="19" fillId="0" borderId="0" xfId="1" applyFont="1" applyBorder="1" applyAlignment="1">
      <alignment horizontal="distributed" vertical="center"/>
    </xf>
    <xf numFmtId="176" fontId="19" fillId="0" borderId="7" xfId="1" applyNumberFormat="1" applyFont="1" applyBorder="1" applyAlignment="1" applyProtection="1">
      <alignment vertical="center"/>
    </xf>
    <xf numFmtId="176" fontId="19" fillId="0" borderId="21" xfId="1" applyNumberFormat="1" applyFont="1" applyBorder="1" applyAlignment="1" applyProtection="1">
      <alignment vertical="center"/>
    </xf>
    <xf numFmtId="176" fontId="19" fillId="0" borderId="20" xfId="1" applyNumberFormat="1" applyFont="1" applyBorder="1" applyAlignment="1" applyProtection="1">
      <alignment vertical="center"/>
    </xf>
    <xf numFmtId="177" fontId="19" fillId="0" borderId="22" xfId="1" applyNumberFormat="1" applyFont="1" applyBorder="1" applyAlignment="1" applyProtection="1">
      <alignment vertical="center"/>
    </xf>
    <xf numFmtId="176" fontId="19" fillId="0" borderId="23" xfId="1" applyNumberFormat="1" applyFont="1" applyBorder="1" applyAlignment="1" applyProtection="1">
      <alignment vertical="center"/>
    </xf>
    <xf numFmtId="37" fontId="2" fillId="2" borderId="5" xfId="1" applyFont="1" applyFill="1" applyBorder="1" applyAlignment="1">
      <alignment vertical="center"/>
    </xf>
    <xf numFmtId="37" fontId="23" fillId="0" borderId="0" xfId="1" applyFont="1" applyBorder="1" applyAlignment="1" applyProtection="1">
      <alignment horizontal="distributed" vertical="center"/>
    </xf>
    <xf numFmtId="37" fontId="24" fillId="0" borderId="0" xfId="1" applyFont="1" applyBorder="1" applyAlignment="1" applyProtection="1">
      <alignment horizontal="distributed" vertical="center"/>
    </xf>
    <xf numFmtId="37" fontId="20" fillId="0" borderId="0" xfId="1" applyFont="1" applyBorder="1" applyAlignment="1" applyProtection="1">
      <alignment horizontal="distributed" vertical="center"/>
    </xf>
    <xf numFmtId="37" fontId="8" fillId="0" borderId="0" xfId="1" applyFont="1" applyBorder="1" applyAlignment="1" applyProtection="1">
      <alignment horizontal="distributed" vertical="center"/>
    </xf>
    <xf numFmtId="37" fontId="19" fillId="0" borderId="17" xfId="1" applyFont="1" applyBorder="1" applyAlignment="1" applyProtection="1">
      <alignment horizontal="distributed" vertical="center"/>
    </xf>
    <xf numFmtId="37" fontId="8" fillId="0" borderId="17" xfId="1" applyFont="1" applyBorder="1" applyAlignment="1" applyProtection="1">
      <alignment horizontal="distributed" vertical="center"/>
    </xf>
    <xf numFmtId="37" fontId="2" fillId="2" borderId="5" xfId="1" applyFont="1" applyFill="1" applyBorder="1"/>
    <xf numFmtId="0" fontId="2" fillId="0" borderId="26" xfId="1" applyNumberFormat="1" applyFont="1" applyBorder="1"/>
    <xf numFmtId="0" fontId="8" fillId="0" borderId="25" xfId="1" applyNumberFormat="1" applyFont="1" applyBorder="1"/>
    <xf numFmtId="0" fontId="8" fillId="0" borderId="28" xfId="1" applyNumberFormat="1" applyFont="1" applyBorder="1"/>
    <xf numFmtId="0" fontId="8" fillId="0" borderId="24" xfId="1" applyNumberFormat="1" applyFont="1" applyBorder="1"/>
    <xf numFmtId="0" fontId="8" fillId="0" borderId="27" xfId="1" applyNumberFormat="1" applyFont="1" applyBorder="1"/>
    <xf numFmtId="37" fontId="8" fillId="0" borderId="0" xfId="1" applyFont="1" applyAlignment="1">
      <alignment horizontal="right"/>
    </xf>
    <xf numFmtId="37" fontId="12" fillId="0" borderId="30" xfId="1" applyFont="1" applyBorder="1" applyAlignment="1" applyProtection="1">
      <alignment horizontal="left"/>
      <protection locked="0"/>
    </xf>
    <xf numFmtId="37" fontId="9" fillId="0" borderId="30" xfId="1" applyFont="1" applyBorder="1" applyAlignment="1" applyProtection="1">
      <alignment horizontal="left"/>
      <protection locked="0"/>
    </xf>
    <xf numFmtId="37" fontId="8" fillId="0" borderId="30" xfId="1" applyFont="1" applyBorder="1"/>
    <xf numFmtId="37" fontId="8" fillId="0" borderId="30" xfId="1" applyFont="1" applyBorder="1" applyAlignment="1">
      <alignment horizontal="right"/>
    </xf>
    <xf numFmtId="37" fontId="2" fillId="0" borderId="26" xfId="1" applyFont="1" applyBorder="1" applyAlignment="1">
      <alignment vertical="center"/>
    </xf>
    <xf numFmtId="0" fontId="8" fillId="0" borderId="31" xfId="1" applyNumberFormat="1" applyFont="1" applyBorder="1"/>
    <xf numFmtId="37" fontId="8" fillId="0" borderId="32" xfId="1" applyFont="1" applyBorder="1" applyAlignment="1" applyProtection="1">
      <alignment horizontal="center" vertical="center"/>
    </xf>
    <xf numFmtId="0" fontId="2" fillId="0" borderId="33" xfId="1" applyNumberFormat="1" applyFont="1" applyBorder="1"/>
    <xf numFmtId="0" fontId="8" fillId="0" borderId="34" xfId="1" applyNumberFormat="1" applyFont="1" applyBorder="1"/>
    <xf numFmtId="0" fontId="8" fillId="0" borderId="35" xfId="1" applyNumberFormat="1" applyFont="1" applyBorder="1"/>
    <xf numFmtId="37" fontId="18" fillId="0" borderId="0" xfId="1" applyFont="1" applyBorder="1" applyAlignment="1">
      <alignment horizontal="center"/>
    </xf>
    <xf numFmtId="37" fontId="12" fillId="0" borderId="36" xfId="1" applyFont="1" applyBorder="1" applyAlignment="1" applyProtection="1">
      <alignment horizontal="left"/>
      <protection locked="0"/>
    </xf>
    <xf numFmtId="37" fontId="9" fillId="0" borderId="36" xfId="1" applyFont="1" applyBorder="1" applyAlignment="1" applyProtection="1">
      <alignment horizontal="left"/>
      <protection locked="0"/>
    </xf>
    <xf numFmtId="37" fontId="8" fillId="0" borderId="36" xfId="1" applyFont="1" applyBorder="1"/>
    <xf numFmtId="37" fontId="8" fillId="0" borderId="36" xfId="1" applyFont="1" applyBorder="1" applyAlignment="1">
      <alignment horizontal="right"/>
    </xf>
    <xf numFmtId="37" fontId="13" fillId="0" borderId="16" xfId="1" applyFont="1" applyBorder="1" applyAlignment="1">
      <alignment vertical="center"/>
    </xf>
    <xf numFmtId="37" fontId="13" fillId="0" borderId="13" xfId="1" applyFont="1" applyBorder="1" applyAlignment="1" applyProtection="1">
      <alignment horizontal="right" vertical="center"/>
    </xf>
    <xf numFmtId="37" fontId="13" fillId="0" borderId="14" xfId="1" applyFont="1" applyBorder="1" applyAlignment="1">
      <alignment vertical="center"/>
    </xf>
    <xf numFmtId="37" fontId="13" fillId="0" borderId="14" xfId="1" applyFont="1" applyBorder="1" applyAlignment="1" applyProtection="1">
      <alignment horizontal="left" vertical="center"/>
    </xf>
    <xf numFmtId="37" fontId="13" fillId="0" borderId="11" xfId="1" applyFont="1" applyBorder="1" applyAlignment="1" applyProtection="1">
      <alignment horizontal="center" vertical="center"/>
    </xf>
    <xf numFmtId="37" fontId="13" fillId="0" borderId="12" xfId="1" applyFont="1" applyBorder="1" applyAlignment="1" applyProtection="1">
      <alignment horizontal="center" vertical="center"/>
    </xf>
    <xf numFmtId="37" fontId="2" fillId="0" borderId="33" xfId="1" applyFont="1" applyBorder="1" applyAlignment="1">
      <alignment vertical="center"/>
    </xf>
    <xf numFmtId="37" fontId="13" fillId="0" borderId="37" xfId="1" applyFont="1" applyBorder="1" applyAlignment="1" applyProtection="1">
      <alignment horizontal="center" vertical="center"/>
    </xf>
    <xf numFmtId="37" fontId="13" fillId="0" borderId="38" xfId="1" applyFont="1" applyBorder="1" applyAlignment="1" applyProtection="1">
      <alignment horizontal="center" vertical="center"/>
    </xf>
    <xf numFmtId="37" fontId="26" fillId="0" borderId="39" xfId="1" applyFont="1" applyBorder="1" applyAlignment="1" applyProtection="1">
      <alignment horizontal="center" vertical="center"/>
    </xf>
    <xf numFmtId="37" fontId="13" fillId="0" borderId="0" xfId="1" applyFont="1" applyBorder="1" applyAlignment="1">
      <alignment horizontal="distributed" vertical="center"/>
    </xf>
    <xf numFmtId="37" fontId="13" fillId="0" borderId="5" xfId="1" applyFont="1" applyBorder="1" applyAlignment="1">
      <alignment vertical="center"/>
    </xf>
    <xf numFmtId="37" fontId="27" fillId="0" borderId="17" xfId="1" applyFont="1" applyBorder="1" applyAlignment="1" applyProtection="1">
      <alignment horizontal="distributed" vertical="center"/>
    </xf>
    <xf numFmtId="37" fontId="13" fillId="0" borderId="5" xfId="1" applyFont="1" applyBorder="1"/>
    <xf numFmtId="37" fontId="13" fillId="0" borderId="17" xfId="1" applyFont="1" applyBorder="1" applyAlignment="1" applyProtection="1">
      <alignment horizontal="distributed" vertical="center"/>
    </xf>
    <xf numFmtId="37" fontId="13" fillId="2" borderId="5" xfId="1" applyFont="1" applyFill="1" applyBorder="1"/>
    <xf numFmtId="37" fontId="13" fillId="5" borderId="0" xfId="1" applyFont="1" applyFill="1" applyBorder="1" applyAlignment="1" applyProtection="1">
      <alignment horizontal="distributed" vertical="center"/>
    </xf>
    <xf numFmtId="37" fontId="13" fillId="2" borderId="17" xfId="1" applyFont="1" applyFill="1" applyBorder="1" applyAlignment="1" applyProtection="1">
      <alignment horizontal="distributed" vertical="center"/>
    </xf>
    <xf numFmtId="37" fontId="8" fillId="0" borderId="37" xfId="1" applyFont="1" applyBorder="1" applyAlignment="1" applyProtection="1">
      <alignment horizontal="center" vertical="center"/>
    </xf>
    <xf numFmtId="37" fontId="8" fillId="0" borderId="38" xfId="1" applyFont="1" applyBorder="1" applyAlignment="1" applyProtection="1">
      <alignment horizontal="center" vertical="center"/>
    </xf>
    <xf numFmtId="37" fontId="10" fillId="0" borderId="39" xfId="1" applyFont="1" applyBorder="1" applyAlignment="1" applyProtection="1">
      <alignment horizontal="center" vertical="center"/>
    </xf>
    <xf numFmtId="0" fontId="8" fillId="0" borderId="37" xfId="1" applyNumberFormat="1" applyFont="1" applyBorder="1"/>
    <xf numFmtId="0" fontId="8" fillId="0" borderId="40" xfId="1" applyNumberFormat="1" applyFont="1" applyBorder="1"/>
    <xf numFmtId="37" fontId="12" fillId="0" borderId="41" xfId="1" applyFont="1" applyBorder="1" applyAlignment="1" applyProtection="1">
      <alignment horizontal="left"/>
      <protection locked="0"/>
    </xf>
    <xf numFmtId="37" fontId="9" fillId="0" borderId="41" xfId="1" applyFont="1" applyBorder="1" applyAlignment="1" applyProtection="1">
      <alignment horizontal="left"/>
      <protection locked="0"/>
    </xf>
    <xf numFmtId="37" fontId="8" fillId="0" borderId="41" xfId="1" applyFont="1" applyBorder="1"/>
    <xf numFmtId="37" fontId="8" fillId="0" borderId="41" xfId="1" applyFont="1" applyBorder="1" applyAlignment="1">
      <alignment horizontal="right"/>
    </xf>
    <xf numFmtId="37" fontId="2" fillId="4" borderId="0" xfId="1" applyFont="1" applyFill="1"/>
    <xf numFmtId="37" fontId="12" fillId="4" borderId="41" xfId="1" applyFont="1" applyFill="1" applyBorder="1" applyAlignment="1" applyProtection="1">
      <alignment horizontal="left"/>
      <protection locked="0"/>
    </xf>
    <xf numFmtId="37" fontId="9" fillId="4" borderId="41" xfId="1" applyFont="1" applyFill="1" applyBorder="1" applyAlignment="1" applyProtection="1">
      <alignment horizontal="left"/>
      <protection locked="0"/>
    </xf>
    <xf numFmtId="37" fontId="8" fillId="4" borderId="41" xfId="1" applyFont="1" applyFill="1" applyBorder="1"/>
    <xf numFmtId="37" fontId="8" fillId="4" borderId="41" xfId="1" applyFont="1" applyFill="1" applyBorder="1" applyAlignment="1">
      <alignment horizontal="right"/>
    </xf>
    <xf numFmtId="37" fontId="2" fillId="4" borderId="4" xfId="1" applyFont="1" applyFill="1" applyBorder="1" applyAlignment="1">
      <alignment vertical="center"/>
    </xf>
    <xf numFmtId="37" fontId="2" fillId="4" borderId="33" xfId="1" applyFont="1" applyFill="1" applyBorder="1" applyAlignment="1">
      <alignment vertical="center"/>
    </xf>
    <xf numFmtId="37" fontId="8" fillId="4" borderId="37" xfId="1" applyFont="1" applyFill="1" applyBorder="1" applyAlignment="1" applyProtection="1">
      <alignment horizontal="center" vertical="center"/>
    </xf>
    <xf numFmtId="37" fontId="8" fillId="4" borderId="38" xfId="1" applyFont="1" applyFill="1" applyBorder="1" applyAlignment="1" applyProtection="1">
      <alignment horizontal="center" vertical="center"/>
    </xf>
    <xf numFmtId="37" fontId="10" fillId="4" borderId="39" xfId="1" applyFont="1" applyFill="1" applyBorder="1" applyAlignment="1" applyProtection="1">
      <alignment horizontal="center" vertical="center"/>
    </xf>
    <xf numFmtId="37" fontId="2" fillId="4" borderId="5" xfId="1" applyFont="1" applyFill="1" applyBorder="1"/>
    <xf numFmtId="37" fontId="2" fillId="4" borderId="5" xfId="1" applyFont="1" applyFill="1" applyBorder="1" applyAlignment="1">
      <alignment vertical="center"/>
    </xf>
    <xf numFmtId="0" fontId="2" fillId="4" borderId="33" xfId="1" applyNumberFormat="1" applyFont="1" applyFill="1" applyBorder="1"/>
    <xf numFmtId="0" fontId="8" fillId="4" borderId="37" xfId="1" applyNumberFormat="1" applyFont="1" applyFill="1" applyBorder="1"/>
    <xf numFmtId="0" fontId="8" fillId="4" borderId="34" xfId="1" applyNumberFormat="1" applyFont="1" applyFill="1" applyBorder="1"/>
    <xf numFmtId="0" fontId="8" fillId="4" borderId="35" xfId="1" applyNumberFormat="1" applyFont="1" applyFill="1" applyBorder="1"/>
    <xf numFmtId="0" fontId="8" fillId="4" borderId="40" xfId="1" applyNumberFormat="1" applyFont="1" applyFill="1" applyBorder="1"/>
    <xf numFmtId="37" fontId="8" fillId="4" borderId="16" xfId="1" applyFont="1" applyFill="1" applyBorder="1" applyAlignment="1" applyProtection="1">
      <alignment horizontal="center" vertical="center"/>
    </xf>
    <xf numFmtId="0" fontId="8" fillId="4" borderId="15" xfId="0" applyFont="1" applyFill="1" applyBorder="1" applyAlignment="1">
      <alignment vertical="center"/>
    </xf>
    <xf numFmtId="37" fontId="8" fillId="4" borderId="18" xfId="1" applyFont="1" applyFill="1" applyBorder="1" applyAlignment="1" applyProtection="1">
      <alignment horizontal="center" vertical="center"/>
    </xf>
    <xf numFmtId="0" fontId="8" fillId="4" borderId="19" xfId="0" applyFont="1" applyFill="1" applyBorder="1" applyAlignment="1">
      <alignment vertical="center"/>
    </xf>
    <xf numFmtId="0" fontId="8" fillId="4" borderId="37" xfId="0" applyFont="1" applyFill="1" applyBorder="1" applyAlignment="1">
      <alignment vertical="center"/>
    </xf>
    <xf numFmtId="37" fontId="8" fillId="0" borderId="16" xfId="1" applyFont="1" applyBorder="1" applyAlignment="1" applyProtection="1">
      <alignment horizontal="center" vertical="center"/>
    </xf>
    <xf numFmtId="0" fontId="8" fillId="0" borderId="25" xfId="0" applyFont="1" applyBorder="1" applyAlignment="1">
      <alignment vertical="center"/>
    </xf>
    <xf numFmtId="37" fontId="8" fillId="0" borderId="18" xfId="1" applyFont="1" applyBorder="1" applyAlignment="1" applyProtection="1">
      <alignment horizontal="center" vertical="center"/>
    </xf>
    <xf numFmtId="0" fontId="8" fillId="0" borderId="19" xfId="0" applyFont="1" applyBorder="1" applyAlignment="1">
      <alignment vertical="center"/>
    </xf>
    <xf numFmtId="0" fontId="8" fillId="0" borderId="32" xfId="0" applyFont="1" applyBorder="1" applyAlignment="1">
      <alignment vertical="center"/>
    </xf>
    <xf numFmtId="37" fontId="16" fillId="0" borderId="0" xfId="1" applyFont="1" applyAlignment="1" applyProtection="1">
      <alignment horizontal="center"/>
    </xf>
    <xf numFmtId="37" fontId="13" fillId="0" borderId="16" xfId="1" applyFont="1" applyBorder="1" applyAlignment="1" applyProtection="1">
      <alignment horizontal="center" vertical="center"/>
    </xf>
    <xf numFmtId="37" fontId="13" fillId="0" borderId="37" xfId="1" applyFont="1" applyBorder="1" applyAlignment="1" applyProtection="1">
      <alignment horizontal="center" vertical="center"/>
    </xf>
    <xf numFmtId="37" fontId="13" fillId="0" borderId="18" xfId="1" applyFont="1" applyBorder="1" applyAlignment="1" applyProtection="1">
      <alignment horizontal="center" vertical="center"/>
    </xf>
    <xf numFmtId="37" fontId="13" fillId="0" borderId="19" xfId="1" applyFont="1" applyBorder="1" applyAlignment="1" applyProtection="1">
      <alignment horizontal="center" vertical="center"/>
    </xf>
    <xf numFmtId="0" fontId="8" fillId="0" borderId="37" xfId="0" applyFont="1" applyBorder="1" applyAlignment="1">
      <alignment vertical="center"/>
    </xf>
  </cellXfs>
  <cellStyles count="8">
    <cellStyle name="パーセント 2" xfId="4"/>
    <cellStyle name="桁区切り [0.00] 2" xfId="3"/>
    <cellStyle name="桁区切り 2" xfId="6"/>
    <cellStyle name="標準" xfId="0" builtinId="0"/>
    <cellStyle name="標準 2" xfId="2"/>
    <cellStyle name="標準 2 2" xfId="7"/>
    <cellStyle name="標準 3" xfId="5"/>
    <cellStyle name="標準_月報１" xfId="1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  <mruColors>
      <color rgb="FF7099CA"/>
      <color rgb="FF460A78"/>
      <color rgb="FF660FAD"/>
      <color rgb="FFFF2929"/>
      <color rgb="FFF5EAE3"/>
      <color rgb="FF0000CC"/>
      <color rgb="FFE1EBEB"/>
      <color rgb="FFFDE8D7"/>
      <color rgb="FF88A945"/>
      <color rgb="FFF68B32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1.xml"/><Relationship Id="rId18" Type="http://schemas.openxmlformats.org/officeDocument/2006/relationships/externalLink" Target="externalLinks/externalLink6.xml"/><Relationship Id="rId3" Type="http://schemas.openxmlformats.org/officeDocument/2006/relationships/worksheet" Target="worksheets/sheet3.xml"/><Relationship Id="rId21" Type="http://schemas.openxmlformats.org/officeDocument/2006/relationships/styles" Target="styles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externalLink" Target="externalLinks/externalLink5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4.xml"/><Relationship Id="rId20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3.xml"/><Relationship Id="rId10" Type="http://schemas.openxmlformats.org/officeDocument/2006/relationships/worksheet" Target="worksheets/sheet10.xml"/><Relationship Id="rId19" Type="http://schemas.openxmlformats.org/officeDocument/2006/relationships/externalLink" Target="externalLinks/externalLink7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externalLink" Target="externalLinks/externalLink2.xml"/><Relationship Id="rId22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169\H30_03&#20154;&#21475;&#12539;&#21172;&#20685;&#32113;&#35336;&#35506;\&#20154;&#21475;\02_&#20154;&#21475;&#32113;&#35336;\01&#26376;&#22577;\&#24179;&#25104;30&#24180;10&#26376;1&#26085;&#29694;&#22312;\&#9733;27&#24180;&#22269;&#35519;&#22522;&#28310;-&#20154;&#21475;&#38598;&#35336;&#12471;&#12473;&#12486;&#12512;ver3_1025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169\H30_03&#20154;&#21475;&#12539;&#21172;&#20685;&#32113;&#35336;&#35506;\&#20154;&#21475;\02_&#20154;&#21475;&#32113;&#35336;\01&#26376;&#22577;\&#24179;&#25104;30&#24180;11&#26376;1&#26085;&#29694;&#22312;\1126&#20462;&#27491;_&#9733;27&#24180;&#22269;&#35519;&#22522;&#28310;-&#20154;&#21475;&#38598;&#35336;&#12471;&#12473;&#12486;&#12512;ver3_1025.xlsm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169\H30_03&#20154;&#21475;&#12539;&#21172;&#20685;&#32113;&#35336;&#35506;\&#20154;&#21475;\02_&#20154;&#21475;&#32113;&#35336;\01&#26376;&#22577;\&#24179;&#25104;30&#24180;12&#26376;1&#26085;&#29694;&#22312;\&#9733;27&#24180;&#22269;&#35519;&#22522;&#28310;-&#20154;&#21475;&#38598;&#35336;&#12471;&#12473;&#12486;&#12512;ver3.xlsm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169\H29_03&#20154;&#21475;&#12539;&#21172;&#20685;&#32113;&#35336;&#35506;\&#20154;&#21475;\02&#20154;&#21475;&#32113;&#35336;\01&#26376;&#22577;\&#24179;&#25104;30&#24180;3&#26376;1&#26085;&#29694;&#22312;\&#9733;27&#24180;&#22269;&#35519;&#22522;&#28310;-&#20154;&#21475;&#38598;&#35336;&#12471;&#12473;&#12486;&#12512;ver3.xlsm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169\H30_03&#20154;&#21475;&#12539;&#21172;&#20685;&#32113;&#35336;&#35506;\&#20154;&#21475;\02_&#20154;&#21475;&#32113;&#35336;\01&#26376;&#22577;\&#24179;&#25104;30&#24180;4&#26376;1&#26085;&#29694;&#22312;\&#9733;27&#24180;&#22269;&#35519;&#22522;&#28310;-&#20154;&#21475;&#38598;&#35336;&#12471;&#12473;&#12486;&#12512;ver3.xlsm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169\H30_03&#20154;&#21475;&#12539;&#21172;&#20685;&#32113;&#35336;&#35506;\&#20154;&#21475;\02_&#20154;&#21475;&#32113;&#35336;\01&#26376;&#22577;\&#24179;&#25104;30&#24180;8&#26376;1&#26085;&#29694;&#22312;\&#9733;27&#24180;&#22269;&#35519;&#22522;&#28310;-&#20154;&#21475;&#38598;&#35336;&#12471;&#12473;&#12486;&#12512;ver3.xlsm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169\H30_03&#20154;&#21475;&#12539;&#21172;&#20685;&#32113;&#35336;&#35506;\&#20154;&#21475;\02_&#20154;&#21475;&#32113;&#35336;\01&#26376;&#22577;\&#24179;&#25104;30&#24180;9&#26376;1&#26085;&#29694;&#22312;\&#9733;27&#24180;&#22269;&#35519;&#22522;&#28310;-&#20154;&#21475;&#38598;&#35336;&#12471;&#12473;&#12486;&#12512;ver3_0919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鶴見区"/>
      <sheetName val="神奈川区"/>
      <sheetName val="西区"/>
      <sheetName val="中区"/>
      <sheetName val="南区"/>
      <sheetName val="港南区"/>
      <sheetName val="保土ケ谷区"/>
      <sheetName val="旭区"/>
      <sheetName val="磯子区"/>
      <sheetName val="金沢区"/>
      <sheetName val="港北区"/>
      <sheetName val="緑区"/>
      <sheetName val="青葉区"/>
      <sheetName val="都筑区"/>
      <sheetName val="戸塚区"/>
      <sheetName val="栄区"/>
      <sheetName val="泉区"/>
      <sheetName val="瀬谷区"/>
      <sheetName val="川崎区"/>
      <sheetName val="幸区"/>
      <sheetName val="中原区"/>
      <sheetName val="高津区"/>
      <sheetName val="宮前区"/>
      <sheetName val="多摩区"/>
      <sheetName val="麻生区"/>
      <sheetName val="相模原市緑区"/>
      <sheetName val="相模原市中央区"/>
      <sheetName val="相模原市南区"/>
      <sheetName val="横須賀市"/>
      <sheetName val="平塚市"/>
      <sheetName val="鎌倉市"/>
      <sheetName val="藤沢市"/>
      <sheetName val="小田原市"/>
      <sheetName val="茅ヶ崎市"/>
      <sheetName val="逗子市"/>
      <sheetName val="三浦市"/>
      <sheetName val="秦野市"/>
      <sheetName val="厚木市"/>
      <sheetName val="大和市"/>
      <sheetName val="伊勢原市"/>
      <sheetName val="海老名市"/>
      <sheetName val="座間市"/>
      <sheetName val="南足柄市"/>
      <sheetName val="綾瀬市"/>
      <sheetName val="葉山町"/>
      <sheetName val="寒川町"/>
      <sheetName val="大磯町"/>
      <sheetName val="二宮町"/>
      <sheetName val="中井町"/>
      <sheetName val="大井町"/>
      <sheetName val="松田町"/>
      <sheetName val="山北町"/>
      <sheetName val="開成町"/>
      <sheetName val="箱根町"/>
      <sheetName val="真鶴町"/>
      <sheetName val="湯河原町"/>
      <sheetName val="愛川町"/>
      <sheetName val="清川村"/>
      <sheetName val="県計"/>
      <sheetName val="市部計"/>
      <sheetName val="郡部計"/>
      <sheetName val="横浜市"/>
      <sheetName val="川崎市"/>
      <sheetName val="相模原市"/>
      <sheetName val="中郡"/>
      <sheetName val="足柄上郡"/>
      <sheetName val="足柄下郡"/>
      <sheetName val="愛甲郡"/>
      <sheetName val="横須賀･三浦"/>
      <sheetName val="県央"/>
      <sheetName val="湘南"/>
      <sheetName val="県西"/>
      <sheetName val="様式1"/>
      <sheetName val="様式2"/>
      <sheetName val="月報（記者発表）"/>
      <sheetName val="月報1"/>
      <sheetName val="月報2"/>
      <sheetName val="月報3"/>
      <sheetName val="追加1"/>
      <sheetName val="追加2"/>
      <sheetName val="月報4"/>
      <sheetName val="記者発表添付資料"/>
      <sheetName val="人口と世帯"/>
      <sheetName val="人口異動"/>
      <sheetName val="行政C(人口と世帯)"/>
      <sheetName val="行政C(人口異動)"/>
      <sheetName val="参考資料"/>
      <sheetName val="データ比較用元データ"/>
      <sheetName val="ランキング"/>
      <sheetName val="グラフデータ"/>
      <sheetName val="市区町村面積リスト"/>
      <sheetName val="基本データ"/>
      <sheetName val="システムトッ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>
        <row r="7">
          <cell r="X7" t="str">
            <v>横浜市</v>
          </cell>
        </row>
        <row r="8">
          <cell r="X8" t="str">
            <v>川崎市</v>
          </cell>
        </row>
        <row r="9">
          <cell r="X9" t="str">
            <v>相模原市</v>
          </cell>
        </row>
      </sheetData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鶴見区"/>
      <sheetName val="神奈川区"/>
      <sheetName val="西区"/>
      <sheetName val="中区"/>
      <sheetName val="南区"/>
      <sheetName val="港南区"/>
      <sheetName val="保土ケ谷区"/>
      <sheetName val="旭区"/>
      <sheetName val="磯子区"/>
      <sheetName val="金沢区"/>
      <sheetName val="港北区"/>
      <sheetName val="緑区"/>
      <sheetName val="青葉区"/>
      <sheetName val="都筑区"/>
      <sheetName val="戸塚区"/>
      <sheetName val="栄区"/>
      <sheetName val="泉区"/>
      <sheetName val="瀬谷区"/>
      <sheetName val="川崎区"/>
      <sheetName val="幸区"/>
      <sheetName val="中原区"/>
      <sheetName val="高津区"/>
      <sheetName val="宮前区"/>
      <sheetName val="多摩区"/>
      <sheetName val="麻生区"/>
      <sheetName val="相模原市緑区"/>
      <sheetName val="相模原市中央区"/>
      <sheetName val="相模原市南区"/>
      <sheetName val="横須賀市"/>
      <sheetName val="平塚市"/>
      <sheetName val="鎌倉市"/>
      <sheetName val="藤沢市"/>
      <sheetName val="小田原市"/>
      <sheetName val="茅ヶ崎市"/>
      <sheetName val="逗子市"/>
      <sheetName val="三浦市"/>
      <sheetName val="秦野市"/>
      <sheetName val="厚木市"/>
      <sheetName val="大和市"/>
      <sheetName val="伊勢原市"/>
      <sheetName val="海老名市"/>
      <sheetName val="座間市"/>
      <sheetName val="南足柄市"/>
      <sheetName val="綾瀬市"/>
      <sheetName val="葉山町"/>
      <sheetName val="寒川町"/>
      <sheetName val="大磯町"/>
      <sheetName val="二宮町"/>
      <sheetName val="中井町"/>
      <sheetName val="大井町"/>
      <sheetName val="松田町"/>
      <sheetName val="山北町"/>
      <sheetName val="開成町"/>
      <sheetName val="箱根町"/>
      <sheetName val="真鶴町"/>
      <sheetName val="湯河原町"/>
      <sheetName val="愛川町"/>
      <sheetName val="清川村"/>
      <sheetName val="県計"/>
      <sheetName val="市部計"/>
      <sheetName val="郡部計"/>
      <sheetName val="横浜市"/>
      <sheetName val="川崎市"/>
      <sheetName val="相模原市"/>
      <sheetName val="中郡"/>
      <sheetName val="足柄上郡"/>
      <sheetName val="足柄下郡"/>
      <sheetName val="愛甲郡"/>
      <sheetName val="横須賀･三浦"/>
      <sheetName val="県央"/>
      <sheetName val="湘南"/>
      <sheetName val="県西"/>
      <sheetName val="様式1"/>
      <sheetName val="様式2"/>
      <sheetName val="月報（記者発表）"/>
      <sheetName val="月報1"/>
      <sheetName val="月報2"/>
      <sheetName val="月報3"/>
      <sheetName val="追加1"/>
      <sheetName val="追加2"/>
      <sheetName val="月報4"/>
      <sheetName val="記者発表添付資料"/>
      <sheetName val="人口と世帯"/>
      <sheetName val="人口異動"/>
      <sheetName val="行政C(人口と世帯)"/>
      <sheetName val="行政C(人口異動)"/>
      <sheetName val="参考資料"/>
      <sheetName val="データ比較用元データ"/>
      <sheetName val="ランキング"/>
      <sheetName val="グラフデータ"/>
      <sheetName val="市区町村面積リスト"/>
      <sheetName val="基本データ"/>
      <sheetName val="システムトッ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>
        <row r="7">
          <cell r="X7" t="str">
            <v>横浜市</v>
          </cell>
        </row>
        <row r="8">
          <cell r="X8" t="str">
            <v>川崎市</v>
          </cell>
        </row>
        <row r="9">
          <cell r="X9" t="str">
            <v>相模原市</v>
          </cell>
        </row>
      </sheetData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鶴見区"/>
      <sheetName val="神奈川区"/>
      <sheetName val="西区"/>
      <sheetName val="中区"/>
      <sheetName val="南区"/>
      <sheetName val="港南区"/>
      <sheetName val="保土ケ谷区"/>
      <sheetName val="旭区"/>
      <sheetName val="磯子区"/>
      <sheetName val="金沢区"/>
      <sheetName val="港北区"/>
      <sheetName val="緑区"/>
      <sheetName val="青葉区"/>
      <sheetName val="都筑区"/>
      <sheetName val="戸塚区"/>
      <sheetName val="栄区"/>
      <sheetName val="泉区"/>
      <sheetName val="瀬谷区"/>
      <sheetName val="川崎区"/>
      <sheetName val="幸区"/>
      <sheetName val="中原区"/>
      <sheetName val="高津区"/>
      <sheetName val="宮前区"/>
      <sheetName val="多摩区"/>
      <sheetName val="麻生区"/>
      <sheetName val="相模原市緑区"/>
      <sheetName val="相模原市中央区"/>
      <sheetName val="相模原市南区"/>
      <sheetName val="横須賀市"/>
      <sheetName val="平塚市"/>
      <sheetName val="鎌倉市"/>
      <sheetName val="藤沢市"/>
      <sheetName val="小田原市"/>
      <sheetName val="茅ヶ崎市"/>
      <sheetName val="逗子市"/>
      <sheetName val="三浦市"/>
      <sheetName val="秦野市"/>
      <sheetName val="厚木市"/>
      <sheetName val="大和市"/>
      <sheetName val="伊勢原市"/>
      <sheetName val="海老名市"/>
      <sheetName val="座間市"/>
      <sheetName val="南足柄市"/>
      <sheetName val="綾瀬市"/>
      <sheetName val="葉山町"/>
      <sheetName val="寒川町"/>
      <sheetName val="大磯町"/>
      <sheetName val="二宮町"/>
      <sheetName val="中井町"/>
      <sheetName val="大井町"/>
      <sheetName val="松田町"/>
      <sheetName val="山北町"/>
      <sheetName val="開成町"/>
      <sheetName val="箱根町"/>
      <sheetName val="真鶴町"/>
      <sheetName val="湯河原町"/>
      <sheetName val="愛川町"/>
      <sheetName val="清川村"/>
      <sheetName val="県計"/>
      <sheetName val="市部計"/>
      <sheetName val="郡部計"/>
      <sheetName val="横浜市"/>
      <sheetName val="川崎市"/>
      <sheetName val="相模原市"/>
      <sheetName val="中郡"/>
      <sheetName val="足柄上郡"/>
      <sheetName val="足柄下郡"/>
      <sheetName val="愛甲郡"/>
      <sheetName val="横須賀･三浦"/>
      <sheetName val="県央"/>
      <sheetName val="湘南"/>
      <sheetName val="県西"/>
      <sheetName val="様式1"/>
      <sheetName val="様式2"/>
      <sheetName val="月報（記者発表）"/>
      <sheetName val="月報1"/>
      <sheetName val="月報2"/>
      <sheetName val="月報3"/>
      <sheetName val="追加1"/>
      <sheetName val="追加2"/>
      <sheetName val="月報4"/>
      <sheetName val="記者発表添付資料"/>
      <sheetName val="人口と世帯"/>
      <sheetName val="人口異動"/>
      <sheetName val="行政C(人口と世帯)"/>
      <sheetName val="行政C(人口異動)"/>
      <sheetName val="参考資料"/>
      <sheetName val="データ比較用元データ"/>
      <sheetName val="ランキング"/>
      <sheetName val="グラフデータ"/>
      <sheetName val="市区町村面積リスト"/>
      <sheetName val="基本データ"/>
      <sheetName val="システムトッ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>
        <row r="7">
          <cell r="X7" t="str">
            <v>横浜市</v>
          </cell>
        </row>
        <row r="8">
          <cell r="X8" t="str">
            <v>川崎市</v>
          </cell>
        </row>
        <row r="9">
          <cell r="X9" t="str">
            <v>相模原市</v>
          </cell>
        </row>
      </sheetData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鶴見区"/>
      <sheetName val="神奈川区"/>
      <sheetName val="西区"/>
      <sheetName val="中区"/>
      <sheetName val="南区"/>
      <sheetName val="港南区"/>
      <sheetName val="保土ケ谷区"/>
      <sheetName val="旭区"/>
      <sheetName val="磯子区"/>
      <sheetName val="金沢区"/>
      <sheetName val="港北区"/>
      <sheetName val="緑区"/>
      <sheetName val="青葉区"/>
      <sheetName val="都筑区"/>
      <sheetName val="戸塚区"/>
      <sheetName val="栄区"/>
      <sheetName val="泉区"/>
      <sheetName val="瀬谷区"/>
      <sheetName val="川崎区"/>
      <sheetName val="幸区"/>
      <sheetName val="中原区"/>
      <sheetName val="高津区"/>
      <sheetName val="宮前区"/>
      <sheetName val="多摩区"/>
      <sheetName val="麻生区"/>
      <sheetName val="相模原市緑区"/>
      <sheetName val="相模原市中央区"/>
      <sheetName val="相模原市南区"/>
      <sheetName val="横須賀市"/>
      <sheetName val="平塚市"/>
      <sheetName val="鎌倉市"/>
      <sheetName val="藤沢市"/>
      <sheetName val="小田原市"/>
      <sheetName val="茅ヶ崎市"/>
      <sheetName val="逗子市"/>
      <sheetName val="三浦市"/>
      <sheetName val="秦野市"/>
      <sheetName val="厚木市"/>
      <sheetName val="大和市"/>
      <sheetName val="伊勢原市"/>
      <sheetName val="海老名市"/>
      <sheetName val="座間市"/>
      <sheetName val="南足柄市"/>
      <sheetName val="綾瀬市"/>
      <sheetName val="葉山町"/>
      <sheetName val="寒川町"/>
      <sheetName val="大磯町"/>
      <sheetName val="二宮町"/>
      <sheetName val="中井町"/>
      <sheetName val="大井町"/>
      <sheetName val="松田町"/>
      <sheetName val="山北町"/>
      <sheetName val="開成町"/>
      <sheetName val="箱根町"/>
      <sheetName val="真鶴町"/>
      <sheetName val="湯河原町"/>
      <sheetName val="愛川町"/>
      <sheetName val="清川村"/>
      <sheetName val="県計"/>
      <sheetName val="市部計"/>
      <sheetName val="郡部計"/>
      <sheetName val="横浜市"/>
      <sheetName val="川崎市"/>
      <sheetName val="相模原市"/>
      <sheetName val="中郡"/>
      <sheetName val="足柄上郡"/>
      <sheetName val="足柄下郡"/>
      <sheetName val="愛甲郡"/>
      <sheetName val="横須賀･三浦"/>
      <sheetName val="県央"/>
      <sheetName val="湘南"/>
      <sheetName val="県西"/>
      <sheetName val="様式1"/>
      <sheetName val="様式2"/>
      <sheetName val="月報（記者発表）"/>
      <sheetName val="月報1"/>
      <sheetName val="月報2"/>
      <sheetName val="月報3"/>
      <sheetName val="追加1"/>
      <sheetName val="追加2"/>
      <sheetName val="月報4"/>
      <sheetName val="記者発表添付資料"/>
      <sheetName val="人口と世帯"/>
      <sheetName val="人口異動"/>
      <sheetName val="行政C(人口と世帯)"/>
      <sheetName val="行政C(人口異動)"/>
      <sheetName val="参考資料"/>
      <sheetName val="データ比較用元データ"/>
      <sheetName val="ランキング"/>
      <sheetName val="グラフデータ"/>
      <sheetName val="市区町村面積リスト"/>
      <sheetName val="基本データ"/>
      <sheetName val="システムトップ"/>
    </sheetNames>
    <sheetDataSet>
      <sheetData sheetId="0">
        <row r="1">
          <cell r="A1" t="str">
            <v>年月</v>
          </cell>
        </row>
      </sheetData>
      <sheetData sheetId="1">
        <row r="1">
          <cell r="A1" t="str">
            <v>年月</v>
          </cell>
        </row>
      </sheetData>
      <sheetData sheetId="2">
        <row r="1">
          <cell r="A1" t="str">
            <v>年月</v>
          </cell>
        </row>
      </sheetData>
      <sheetData sheetId="3">
        <row r="1">
          <cell r="A1" t="str">
            <v>年月</v>
          </cell>
        </row>
      </sheetData>
      <sheetData sheetId="4">
        <row r="1">
          <cell r="A1" t="str">
            <v>年月</v>
          </cell>
        </row>
      </sheetData>
      <sheetData sheetId="5">
        <row r="1">
          <cell r="A1" t="str">
            <v>年月</v>
          </cell>
        </row>
      </sheetData>
      <sheetData sheetId="6">
        <row r="1">
          <cell r="A1" t="str">
            <v>年月</v>
          </cell>
        </row>
      </sheetData>
      <sheetData sheetId="7">
        <row r="1">
          <cell r="A1" t="str">
            <v>年月</v>
          </cell>
        </row>
      </sheetData>
      <sheetData sheetId="8">
        <row r="1">
          <cell r="A1" t="str">
            <v>年月</v>
          </cell>
        </row>
      </sheetData>
      <sheetData sheetId="9">
        <row r="1">
          <cell r="A1" t="str">
            <v>年月</v>
          </cell>
        </row>
      </sheetData>
      <sheetData sheetId="10">
        <row r="1">
          <cell r="A1" t="str">
            <v>年月</v>
          </cell>
        </row>
      </sheetData>
      <sheetData sheetId="11">
        <row r="1">
          <cell r="A1" t="str">
            <v>年月</v>
          </cell>
        </row>
      </sheetData>
      <sheetData sheetId="12">
        <row r="1">
          <cell r="A1" t="str">
            <v>年月</v>
          </cell>
        </row>
      </sheetData>
      <sheetData sheetId="13">
        <row r="1">
          <cell r="A1" t="str">
            <v>年月</v>
          </cell>
        </row>
      </sheetData>
      <sheetData sheetId="14">
        <row r="1">
          <cell r="A1" t="str">
            <v>年月</v>
          </cell>
        </row>
      </sheetData>
      <sheetData sheetId="15">
        <row r="1">
          <cell r="A1" t="str">
            <v>年月</v>
          </cell>
        </row>
      </sheetData>
      <sheetData sheetId="16">
        <row r="1">
          <cell r="A1" t="str">
            <v>年月</v>
          </cell>
        </row>
      </sheetData>
      <sheetData sheetId="17">
        <row r="1">
          <cell r="A1" t="str">
            <v>年月</v>
          </cell>
        </row>
      </sheetData>
      <sheetData sheetId="18">
        <row r="1">
          <cell r="A1" t="str">
            <v>年月</v>
          </cell>
        </row>
      </sheetData>
      <sheetData sheetId="19">
        <row r="1">
          <cell r="A1" t="str">
            <v>年月</v>
          </cell>
        </row>
      </sheetData>
      <sheetData sheetId="20">
        <row r="1">
          <cell r="A1" t="str">
            <v>年月</v>
          </cell>
        </row>
      </sheetData>
      <sheetData sheetId="21">
        <row r="1">
          <cell r="A1" t="str">
            <v>年月</v>
          </cell>
        </row>
      </sheetData>
      <sheetData sheetId="22">
        <row r="1">
          <cell r="A1" t="str">
            <v>年月</v>
          </cell>
        </row>
      </sheetData>
      <sheetData sheetId="23">
        <row r="1">
          <cell r="A1" t="str">
            <v>年月</v>
          </cell>
        </row>
      </sheetData>
      <sheetData sheetId="24">
        <row r="1">
          <cell r="A1" t="str">
            <v>年月</v>
          </cell>
        </row>
      </sheetData>
      <sheetData sheetId="25">
        <row r="1">
          <cell r="A1" t="str">
            <v>年月</v>
          </cell>
        </row>
      </sheetData>
      <sheetData sheetId="26">
        <row r="1">
          <cell r="A1" t="str">
            <v>年月</v>
          </cell>
        </row>
      </sheetData>
      <sheetData sheetId="27">
        <row r="1">
          <cell r="A1" t="str">
            <v>年月</v>
          </cell>
        </row>
      </sheetData>
      <sheetData sheetId="28">
        <row r="1">
          <cell r="A1" t="str">
            <v>年月</v>
          </cell>
        </row>
      </sheetData>
      <sheetData sheetId="29">
        <row r="1">
          <cell r="A1" t="str">
            <v>年月</v>
          </cell>
        </row>
      </sheetData>
      <sheetData sheetId="30">
        <row r="1">
          <cell r="A1" t="str">
            <v>年月</v>
          </cell>
        </row>
      </sheetData>
      <sheetData sheetId="31">
        <row r="1">
          <cell r="A1" t="str">
            <v>年月</v>
          </cell>
        </row>
      </sheetData>
      <sheetData sheetId="32">
        <row r="1">
          <cell r="A1" t="str">
            <v>年月</v>
          </cell>
        </row>
      </sheetData>
      <sheetData sheetId="33">
        <row r="1">
          <cell r="A1" t="str">
            <v>年月</v>
          </cell>
        </row>
      </sheetData>
      <sheetData sheetId="34">
        <row r="1">
          <cell r="A1" t="str">
            <v>年月</v>
          </cell>
        </row>
      </sheetData>
      <sheetData sheetId="35">
        <row r="1">
          <cell r="A1" t="str">
            <v>年月</v>
          </cell>
        </row>
      </sheetData>
      <sheetData sheetId="36">
        <row r="1">
          <cell r="A1" t="str">
            <v>年月</v>
          </cell>
        </row>
      </sheetData>
      <sheetData sheetId="37">
        <row r="1">
          <cell r="A1" t="str">
            <v>年月</v>
          </cell>
        </row>
      </sheetData>
      <sheetData sheetId="38">
        <row r="1">
          <cell r="A1" t="str">
            <v>年月</v>
          </cell>
        </row>
      </sheetData>
      <sheetData sheetId="39">
        <row r="1">
          <cell r="A1" t="str">
            <v>年月</v>
          </cell>
        </row>
      </sheetData>
      <sheetData sheetId="40">
        <row r="1">
          <cell r="A1" t="str">
            <v>年月</v>
          </cell>
        </row>
      </sheetData>
      <sheetData sheetId="41">
        <row r="1">
          <cell r="A1" t="str">
            <v>年月</v>
          </cell>
        </row>
      </sheetData>
      <sheetData sheetId="42">
        <row r="1">
          <cell r="A1" t="str">
            <v>年月</v>
          </cell>
        </row>
      </sheetData>
      <sheetData sheetId="43">
        <row r="1">
          <cell r="A1" t="str">
            <v>年月</v>
          </cell>
        </row>
      </sheetData>
      <sheetData sheetId="44">
        <row r="1">
          <cell r="A1" t="str">
            <v>年月</v>
          </cell>
        </row>
      </sheetData>
      <sheetData sheetId="45">
        <row r="1">
          <cell r="A1" t="str">
            <v>年月</v>
          </cell>
        </row>
      </sheetData>
      <sheetData sheetId="46">
        <row r="1">
          <cell r="A1" t="str">
            <v>年月</v>
          </cell>
        </row>
      </sheetData>
      <sheetData sheetId="47">
        <row r="1">
          <cell r="A1" t="str">
            <v>年月</v>
          </cell>
        </row>
      </sheetData>
      <sheetData sheetId="48">
        <row r="1">
          <cell r="A1" t="str">
            <v>年月</v>
          </cell>
        </row>
      </sheetData>
      <sheetData sheetId="49">
        <row r="1">
          <cell r="A1" t="str">
            <v>年月</v>
          </cell>
        </row>
      </sheetData>
      <sheetData sheetId="50">
        <row r="1">
          <cell r="A1" t="str">
            <v>年月</v>
          </cell>
        </row>
      </sheetData>
      <sheetData sheetId="51">
        <row r="1">
          <cell r="A1" t="str">
            <v>年月</v>
          </cell>
        </row>
      </sheetData>
      <sheetData sheetId="52">
        <row r="1">
          <cell r="A1" t="str">
            <v>年月</v>
          </cell>
        </row>
      </sheetData>
      <sheetData sheetId="53">
        <row r="1">
          <cell r="A1" t="str">
            <v>年月</v>
          </cell>
        </row>
      </sheetData>
      <sheetData sheetId="54">
        <row r="1">
          <cell r="A1" t="str">
            <v>年月</v>
          </cell>
        </row>
      </sheetData>
      <sheetData sheetId="55">
        <row r="1">
          <cell r="A1" t="str">
            <v>年月</v>
          </cell>
        </row>
      </sheetData>
      <sheetData sheetId="56">
        <row r="1">
          <cell r="A1" t="str">
            <v>年月</v>
          </cell>
        </row>
      </sheetData>
      <sheetData sheetId="57">
        <row r="1">
          <cell r="A1" t="str">
            <v>年月</v>
          </cell>
        </row>
      </sheetData>
      <sheetData sheetId="58">
        <row r="1">
          <cell r="A1" t="str">
            <v>年月</v>
          </cell>
        </row>
      </sheetData>
      <sheetData sheetId="59">
        <row r="1">
          <cell r="A1" t="str">
            <v>年月</v>
          </cell>
        </row>
      </sheetData>
      <sheetData sheetId="60">
        <row r="1">
          <cell r="A1" t="str">
            <v>年月</v>
          </cell>
        </row>
      </sheetData>
      <sheetData sheetId="61">
        <row r="1">
          <cell r="A1" t="str">
            <v>年月</v>
          </cell>
        </row>
      </sheetData>
      <sheetData sheetId="62">
        <row r="1">
          <cell r="A1" t="str">
            <v>年月</v>
          </cell>
        </row>
      </sheetData>
      <sheetData sheetId="63">
        <row r="1">
          <cell r="A1" t="str">
            <v>年月</v>
          </cell>
        </row>
      </sheetData>
      <sheetData sheetId="64">
        <row r="1">
          <cell r="A1" t="str">
            <v>年月</v>
          </cell>
        </row>
      </sheetData>
      <sheetData sheetId="65">
        <row r="1">
          <cell r="A1" t="str">
            <v>年月</v>
          </cell>
        </row>
      </sheetData>
      <sheetData sheetId="66">
        <row r="1">
          <cell r="A1" t="str">
            <v>年月</v>
          </cell>
        </row>
      </sheetData>
      <sheetData sheetId="67">
        <row r="1">
          <cell r="A1" t="str">
            <v>年月</v>
          </cell>
        </row>
      </sheetData>
      <sheetData sheetId="68"/>
      <sheetData sheetId="69"/>
      <sheetData sheetId="70"/>
      <sheetData sheetId="71"/>
      <sheetData sheetId="72">
        <row r="7">
          <cell r="X7" t="str">
            <v>横浜市</v>
          </cell>
        </row>
        <row r="8">
          <cell r="X8" t="str">
            <v>川崎市</v>
          </cell>
        </row>
        <row r="9">
          <cell r="X9" t="str">
            <v>相模原市</v>
          </cell>
        </row>
      </sheetData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>
        <row r="1">
          <cell r="B1" t="str">
            <v>平成30年3月</v>
          </cell>
        </row>
      </sheetData>
      <sheetData sheetId="92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鶴見区"/>
      <sheetName val="神奈川区"/>
      <sheetName val="西区"/>
      <sheetName val="中区"/>
      <sheetName val="南区"/>
      <sheetName val="港南区"/>
      <sheetName val="保土ケ谷区"/>
      <sheetName val="旭区"/>
      <sheetName val="磯子区"/>
      <sheetName val="金沢区"/>
      <sheetName val="港北区"/>
      <sheetName val="緑区"/>
      <sheetName val="青葉区"/>
      <sheetName val="都筑区"/>
      <sheetName val="戸塚区"/>
      <sheetName val="栄区"/>
      <sheetName val="泉区"/>
      <sheetName val="瀬谷区"/>
      <sheetName val="川崎区"/>
      <sheetName val="幸区"/>
      <sheetName val="中原区"/>
      <sheetName val="高津区"/>
      <sheetName val="宮前区"/>
      <sheetName val="多摩区"/>
      <sheetName val="麻生区"/>
      <sheetName val="相模原市緑区"/>
      <sheetName val="相模原市中央区"/>
      <sheetName val="相模原市南区"/>
      <sheetName val="横須賀市"/>
      <sheetName val="平塚市"/>
      <sheetName val="鎌倉市"/>
      <sheetName val="藤沢市"/>
      <sheetName val="小田原市"/>
      <sheetName val="茅ヶ崎市"/>
      <sheetName val="逗子市"/>
      <sheetName val="三浦市"/>
      <sheetName val="秦野市"/>
      <sheetName val="厚木市"/>
      <sheetName val="大和市"/>
      <sheetName val="伊勢原市"/>
      <sheetName val="海老名市"/>
      <sheetName val="座間市"/>
      <sheetName val="南足柄市"/>
      <sheetName val="綾瀬市"/>
      <sheetName val="葉山町"/>
      <sheetName val="寒川町"/>
      <sheetName val="大磯町"/>
      <sheetName val="二宮町"/>
      <sheetName val="中井町"/>
      <sheetName val="大井町"/>
      <sheetName val="松田町"/>
      <sheetName val="山北町"/>
      <sheetName val="開成町"/>
      <sheetName val="箱根町"/>
      <sheetName val="真鶴町"/>
      <sheetName val="湯河原町"/>
      <sheetName val="愛川町"/>
      <sheetName val="清川村"/>
      <sheetName val="県計"/>
      <sheetName val="市部計"/>
      <sheetName val="郡部計"/>
      <sheetName val="横浜市"/>
      <sheetName val="川崎市"/>
      <sheetName val="相模原市"/>
      <sheetName val="中郡"/>
      <sheetName val="足柄上郡"/>
      <sheetName val="足柄下郡"/>
      <sheetName val="愛甲郡"/>
      <sheetName val="横須賀･三浦"/>
      <sheetName val="県央"/>
      <sheetName val="湘南"/>
      <sheetName val="県西"/>
      <sheetName val="様式1"/>
      <sheetName val="様式2"/>
      <sheetName val="月報（記者発表）"/>
      <sheetName val="月報1"/>
      <sheetName val="月報2"/>
      <sheetName val="月報3"/>
      <sheetName val="追加1"/>
      <sheetName val="追加2"/>
      <sheetName val="月報4"/>
      <sheetName val="記者発表添付資料"/>
      <sheetName val="人口と世帯"/>
      <sheetName val="人口異動"/>
      <sheetName val="行政C(人口と世帯)"/>
      <sheetName val="行政C(人口異動)"/>
      <sheetName val="参考資料"/>
      <sheetName val="データ比較用元データ"/>
      <sheetName val="ランキング"/>
      <sheetName val="グラフデータ"/>
      <sheetName val="市区町村面積リスト"/>
      <sheetName val="基本データ"/>
      <sheetName val="システムトッ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>
        <row r="7">
          <cell r="X7" t="str">
            <v>横浜市</v>
          </cell>
        </row>
        <row r="8">
          <cell r="X8" t="str">
            <v>川崎市</v>
          </cell>
        </row>
        <row r="9">
          <cell r="X9" t="str">
            <v>相模原市</v>
          </cell>
        </row>
      </sheetData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鶴見区"/>
      <sheetName val="神奈川区"/>
      <sheetName val="西区"/>
      <sheetName val="中区"/>
      <sheetName val="南区"/>
      <sheetName val="港南区"/>
      <sheetName val="保土ケ谷区"/>
      <sheetName val="旭区"/>
      <sheetName val="磯子区"/>
      <sheetName val="金沢区"/>
      <sheetName val="港北区"/>
      <sheetName val="緑区"/>
      <sheetName val="青葉区"/>
      <sheetName val="都筑区"/>
      <sheetName val="戸塚区"/>
      <sheetName val="栄区"/>
      <sheetName val="泉区"/>
      <sheetName val="瀬谷区"/>
      <sheetName val="川崎区"/>
      <sheetName val="幸区"/>
      <sheetName val="中原区"/>
      <sheetName val="高津区"/>
      <sheetName val="宮前区"/>
      <sheetName val="多摩区"/>
      <sheetName val="麻生区"/>
      <sheetName val="相模原市緑区"/>
      <sheetName val="相模原市中央区"/>
      <sheetName val="相模原市南区"/>
      <sheetName val="横須賀市"/>
      <sheetName val="平塚市"/>
      <sheetName val="鎌倉市"/>
      <sheetName val="藤沢市"/>
      <sheetName val="小田原市"/>
      <sheetName val="茅ヶ崎市"/>
      <sheetName val="逗子市"/>
      <sheetName val="三浦市"/>
      <sheetName val="秦野市"/>
      <sheetName val="厚木市"/>
      <sheetName val="大和市"/>
      <sheetName val="伊勢原市"/>
      <sheetName val="海老名市"/>
      <sheetName val="座間市"/>
      <sheetName val="南足柄市"/>
      <sheetName val="綾瀬市"/>
      <sheetName val="葉山町"/>
      <sheetName val="寒川町"/>
      <sheetName val="大磯町"/>
      <sheetName val="二宮町"/>
      <sheetName val="中井町"/>
      <sheetName val="大井町"/>
      <sheetName val="松田町"/>
      <sheetName val="山北町"/>
      <sheetName val="開成町"/>
      <sheetName val="箱根町"/>
      <sheetName val="真鶴町"/>
      <sheetName val="湯河原町"/>
      <sheetName val="愛川町"/>
      <sheetName val="清川村"/>
      <sheetName val="県計"/>
      <sheetName val="市部計"/>
      <sheetName val="郡部計"/>
      <sheetName val="横浜市"/>
      <sheetName val="川崎市"/>
      <sheetName val="相模原市"/>
      <sheetName val="中郡"/>
      <sheetName val="足柄上郡"/>
      <sheetName val="足柄下郡"/>
      <sheetName val="愛甲郡"/>
      <sheetName val="横須賀･三浦"/>
      <sheetName val="県央"/>
      <sheetName val="湘南"/>
      <sheetName val="県西"/>
      <sheetName val="様式1"/>
      <sheetName val="様式2"/>
      <sheetName val="月報（記者発表）"/>
      <sheetName val="月報1"/>
      <sheetName val="月報2"/>
      <sheetName val="月報3"/>
      <sheetName val="追加1"/>
      <sheetName val="追加2"/>
      <sheetName val="月報4"/>
      <sheetName val="記者発表添付資料"/>
      <sheetName val="人口と世帯"/>
      <sheetName val="人口異動"/>
      <sheetName val="行政C(人口と世帯)"/>
      <sheetName val="行政C(人口異動)"/>
      <sheetName val="参考資料"/>
      <sheetName val="データ比較用元データ"/>
      <sheetName val="ランキング"/>
      <sheetName val="グラフデータ"/>
      <sheetName val="市区町村面積リスト"/>
      <sheetName val="基本データ"/>
      <sheetName val="システムトッ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>
        <row r="7">
          <cell r="X7" t="str">
            <v>横浜市</v>
          </cell>
        </row>
        <row r="8">
          <cell r="X8" t="str">
            <v>川崎市</v>
          </cell>
        </row>
        <row r="9">
          <cell r="X9" t="str">
            <v>相模原市</v>
          </cell>
        </row>
      </sheetData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鶴見区"/>
      <sheetName val="神奈川区"/>
      <sheetName val="西区"/>
      <sheetName val="中区"/>
      <sheetName val="南区"/>
      <sheetName val="港南区"/>
      <sheetName val="保土ケ谷区"/>
      <sheetName val="旭区"/>
      <sheetName val="磯子区"/>
      <sheetName val="金沢区"/>
      <sheetName val="港北区"/>
      <sheetName val="緑区"/>
      <sheetName val="青葉区"/>
      <sheetName val="都筑区"/>
      <sheetName val="戸塚区"/>
      <sheetName val="栄区"/>
      <sheetName val="泉区"/>
      <sheetName val="瀬谷区"/>
      <sheetName val="川崎区"/>
      <sheetName val="幸区"/>
      <sheetName val="中原区"/>
      <sheetName val="高津区"/>
      <sheetName val="宮前区"/>
      <sheetName val="多摩区"/>
      <sheetName val="麻生区"/>
      <sheetName val="相模原市緑区"/>
      <sheetName val="相模原市中央区"/>
      <sheetName val="相模原市南区"/>
      <sheetName val="横須賀市"/>
      <sheetName val="平塚市"/>
      <sheetName val="鎌倉市"/>
      <sheetName val="藤沢市"/>
      <sheetName val="小田原市"/>
      <sheetName val="茅ヶ崎市"/>
      <sheetName val="逗子市"/>
      <sheetName val="三浦市"/>
      <sheetName val="秦野市"/>
      <sheetName val="厚木市"/>
      <sheetName val="大和市"/>
      <sheetName val="伊勢原市"/>
      <sheetName val="海老名市"/>
      <sheetName val="座間市"/>
      <sheetName val="南足柄市"/>
      <sheetName val="綾瀬市"/>
      <sheetName val="葉山町"/>
      <sheetName val="寒川町"/>
      <sheetName val="大磯町"/>
      <sheetName val="二宮町"/>
      <sheetName val="中井町"/>
      <sheetName val="大井町"/>
      <sheetName val="松田町"/>
      <sheetName val="山北町"/>
      <sheetName val="開成町"/>
      <sheetName val="箱根町"/>
      <sheetName val="真鶴町"/>
      <sheetName val="湯河原町"/>
      <sheetName val="愛川町"/>
      <sheetName val="清川村"/>
      <sheetName val="県計"/>
      <sheetName val="市部計"/>
      <sheetName val="郡部計"/>
      <sheetName val="横浜市"/>
      <sheetName val="川崎市"/>
      <sheetName val="相模原市"/>
      <sheetName val="中郡"/>
      <sheetName val="足柄上郡"/>
      <sheetName val="足柄下郡"/>
      <sheetName val="愛甲郡"/>
      <sheetName val="横須賀･三浦"/>
      <sheetName val="県央"/>
      <sheetName val="湘南"/>
      <sheetName val="県西"/>
      <sheetName val="様式1"/>
      <sheetName val="様式2"/>
      <sheetName val="月報（記者発表）"/>
      <sheetName val="月報1"/>
      <sheetName val="月報2"/>
      <sheetName val="月報3"/>
      <sheetName val="追加1"/>
      <sheetName val="追加2"/>
      <sheetName val="月報4"/>
      <sheetName val="記者発表添付資料"/>
      <sheetName val="人口と世帯"/>
      <sheetName val="人口異動"/>
      <sheetName val="行政C(人口と世帯)"/>
      <sheetName val="行政C(人口異動)"/>
      <sheetName val="参考資料"/>
      <sheetName val="データ比較用元データ"/>
      <sheetName val="ランキング"/>
      <sheetName val="グラフデータ"/>
      <sheetName val="市区町村面積リスト"/>
      <sheetName val="基本データ"/>
      <sheetName val="システムトッ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>
        <row r="7">
          <cell r="X7" t="str">
            <v>横浜市</v>
          </cell>
        </row>
        <row r="8">
          <cell r="X8" t="str">
            <v>川崎市</v>
          </cell>
        </row>
        <row r="9">
          <cell r="X9" t="str">
            <v>相模原市</v>
          </cell>
        </row>
      </sheetData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A1" transitionEvaluation="1" codeName="Sheet105"/>
  <dimension ref="B1:O77"/>
  <sheetViews>
    <sheetView tabSelected="1" view="pageBreakPreview" zoomScale="75" zoomScaleNormal="100" zoomScaleSheetLayoutView="75" workbookViewId="0"/>
  </sheetViews>
  <sheetFormatPr defaultColWidth="12.125" defaultRowHeight="13.5"/>
  <cols>
    <col min="1" max="1" width="12.125" style="1"/>
    <col min="2" max="2" width="1.625" style="1" customWidth="1"/>
    <col min="3" max="3" width="12.375" style="5" customWidth="1"/>
    <col min="4" max="4" width="1.625" style="5" customWidth="1"/>
    <col min="5" max="8" width="12.625" style="5" customWidth="1"/>
    <col min="9" max="13" width="10.625" style="5" customWidth="1"/>
    <col min="14" max="14" width="19" style="1" customWidth="1"/>
    <col min="15" max="15" width="16.75" style="1" customWidth="1"/>
    <col min="16" max="19" width="14.375" style="1" customWidth="1"/>
    <col min="20" max="16384" width="12.125" style="1"/>
  </cols>
  <sheetData>
    <row r="1" spans="2:15" ht="24">
      <c r="B1" s="25"/>
      <c r="C1" s="26" t="s">
        <v>9</v>
      </c>
      <c r="D1" s="27"/>
      <c r="E1" s="28"/>
      <c r="F1" s="29"/>
      <c r="G1" s="29"/>
      <c r="H1" s="29"/>
      <c r="I1" s="29"/>
      <c r="J1" s="29"/>
      <c r="K1" s="29"/>
      <c r="L1" s="29"/>
      <c r="M1" s="30"/>
    </row>
    <row r="2" spans="2:15">
      <c r="B2" s="25"/>
      <c r="C2" s="31"/>
      <c r="D2" s="31"/>
      <c r="E2" s="31"/>
      <c r="F2" s="31"/>
      <c r="G2" s="31"/>
      <c r="H2" s="31"/>
      <c r="I2" s="31"/>
      <c r="J2" s="31"/>
      <c r="K2" s="31"/>
      <c r="L2" s="31"/>
      <c r="M2" s="31"/>
    </row>
    <row r="3" spans="2:15" ht="21.95" customHeight="1" thickBot="1">
      <c r="B3" s="25"/>
      <c r="C3" s="32" t="s">
        <v>87</v>
      </c>
      <c r="D3" s="33"/>
      <c r="E3" s="34"/>
      <c r="F3" s="34"/>
      <c r="G3" s="34"/>
      <c r="H3" s="34"/>
      <c r="I3" s="34"/>
      <c r="J3" s="34"/>
      <c r="K3" s="34"/>
      <c r="L3" s="34"/>
      <c r="M3" s="35" t="s">
        <v>86</v>
      </c>
    </row>
    <row r="4" spans="2:15" ht="18" customHeight="1">
      <c r="B4" s="36"/>
      <c r="C4" s="197" t="s">
        <v>10</v>
      </c>
      <c r="D4" s="37"/>
      <c r="E4" s="199" t="s">
        <v>11</v>
      </c>
      <c r="F4" s="38" t="s">
        <v>6</v>
      </c>
      <c r="G4" s="39"/>
      <c r="H4" s="40" t="s">
        <v>7</v>
      </c>
      <c r="I4" s="41" t="s">
        <v>72</v>
      </c>
      <c r="J4" s="42"/>
      <c r="K4" s="42"/>
      <c r="L4" s="43" t="s">
        <v>0</v>
      </c>
      <c r="M4" s="44" t="s">
        <v>3</v>
      </c>
      <c r="N4" s="2"/>
    </row>
    <row r="5" spans="2:15" ht="18" customHeight="1" thickBot="1">
      <c r="B5" s="45"/>
      <c r="C5" s="198"/>
      <c r="D5" s="46"/>
      <c r="E5" s="200"/>
      <c r="F5" s="47" t="s">
        <v>12</v>
      </c>
      <c r="G5" s="47" t="s">
        <v>1</v>
      </c>
      <c r="H5" s="47" t="s">
        <v>2</v>
      </c>
      <c r="I5" s="47" t="s">
        <v>5</v>
      </c>
      <c r="J5" s="47" t="s">
        <v>13</v>
      </c>
      <c r="K5" s="47" t="s">
        <v>14</v>
      </c>
      <c r="L5" s="47" t="s">
        <v>4</v>
      </c>
      <c r="M5" s="48" t="s">
        <v>15</v>
      </c>
      <c r="N5" s="2"/>
    </row>
    <row r="6" spans="2:15" ht="18" customHeight="1">
      <c r="B6" s="49"/>
      <c r="C6" s="50"/>
      <c r="D6" s="50"/>
      <c r="E6" s="51" t="s">
        <v>8</v>
      </c>
      <c r="F6" s="52" t="s">
        <v>6</v>
      </c>
      <c r="G6" s="52" t="s">
        <v>6</v>
      </c>
      <c r="H6" s="52" t="s">
        <v>6</v>
      </c>
      <c r="I6" s="52" t="s">
        <v>6</v>
      </c>
      <c r="J6" s="52" t="s">
        <v>6</v>
      </c>
      <c r="K6" s="52" t="s">
        <v>6</v>
      </c>
      <c r="L6" s="52" t="s">
        <v>6</v>
      </c>
      <c r="M6" s="53" t="s">
        <v>6</v>
      </c>
      <c r="N6" s="2"/>
    </row>
    <row r="7" spans="2:15" ht="24" customHeight="1">
      <c r="B7" s="16"/>
      <c r="C7" s="23" t="s">
        <v>84</v>
      </c>
      <c r="D7" s="17"/>
      <c r="E7" s="18">
        <v>4070843</v>
      </c>
      <c r="F7" s="19">
        <v>9163279</v>
      </c>
      <c r="G7" s="20">
        <v>4570674</v>
      </c>
      <c r="H7" s="20">
        <v>4592605</v>
      </c>
      <c r="I7" s="20">
        <v>-795</v>
      </c>
      <c r="J7" s="20">
        <v>-1330</v>
      </c>
      <c r="K7" s="20">
        <v>535</v>
      </c>
      <c r="L7" s="21">
        <v>2.25</v>
      </c>
      <c r="M7" s="22">
        <v>3793</v>
      </c>
      <c r="N7" s="3"/>
    </row>
    <row r="8" spans="2:15" ht="24" customHeight="1">
      <c r="B8" s="54"/>
      <c r="C8" s="55" t="s">
        <v>85</v>
      </c>
      <c r="D8" s="56"/>
      <c r="E8" s="57">
        <v>3952790</v>
      </c>
      <c r="F8" s="58">
        <v>8872399</v>
      </c>
      <c r="G8" s="59">
        <v>4427537</v>
      </c>
      <c r="H8" s="59">
        <v>4444862</v>
      </c>
      <c r="I8" s="59">
        <v>-736</v>
      </c>
      <c r="J8" s="59">
        <v>-1166</v>
      </c>
      <c r="K8" s="59">
        <v>430</v>
      </c>
      <c r="L8" s="60">
        <v>2.2400000000000002</v>
      </c>
      <c r="M8" s="61">
        <v>4903</v>
      </c>
      <c r="N8" s="3"/>
    </row>
    <row r="9" spans="2:15" ht="24" customHeight="1">
      <c r="B9" s="54"/>
      <c r="C9" s="55" t="s">
        <v>16</v>
      </c>
      <c r="D9" s="56"/>
      <c r="E9" s="57">
        <v>118053</v>
      </c>
      <c r="F9" s="58">
        <v>290880</v>
      </c>
      <c r="G9" s="59">
        <v>143137</v>
      </c>
      <c r="H9" s="59">
        <v>147743</v>
      </c>
      <c r="I9" s="59">
        <v>-59</v>
      </c>
      <c r="J9" s="59">
        <v>-164</v>
      </c>
      <c r="K9" s="59">
        <v>105</v>
      </c>
      <c r="L9" s="60">
        <v>2.46</v>
      </c>
      <c r="M9" s="61">
        <v>480</v>
      </c>
      <c r="N9" s="3"/>
    </row>
    <row r="10" spans="2:15" ht="24" customHeight="1">
      <c r="B10" s="54"/>
      <c r="C10" s="62"/>
      <c r="D10" s="62"/>
      <c r="E10" s="63"/>
      <c r="F10" s="64"/>
      <c r="G10" s="65"/>
      <c r="H10" s="65"/>
      <c r="I10" s="65"/>
      <c r="J10" s="65"/>
      <c r="K10" s="65"/>
      <c r="L10" s="66"/>
      <c r="M10" s="67"/>
      <c r="N10" s="3"/>
    </row>
    <row r="11" spans="2:15" ht="24" customHeight="1">
      <c r="B11" s="6"/>
      <c r="C11" s="24" t="s">
        <v>17</v>
      </c>
      <c r="D11" s="7"/>
      <c r="E11" s="8">
        <v>1674601</v>
      </c>
      <c r="F11" s="9">
        <v>3733084</v>
      </c>
      <c r="G11" s="10">
        <v>1855789</v>
      </c>
      <c r="H11" s="10">
        <v>1877295</v>
      </c>
      <c r="I11" s="10">
        <v>-928</v>
      </c>
      <c r="J11" s="10">
        <v>-484</v>
      </c>
      <c r="K11" s="10">
        <v>-444</v>
      </c>
      <c r="L11" s="11">
        <v>2.23</v>
      </c>
      <c r="M11" s="12">
        <v>8532</v>
      </c>
      <c r="N11" s="3"/>
    </row>
    <row r="12" spans="2:15" ht="24" customHeight="1">
      <c r="B12" s="54"/>
      <c r="C12" s="68" t="s">
        <v>18</v>
      </c>
      <c r="D12" s="56"/>
      <c r="E12" s="57">
        <v>136090</v>
      </c>
      <c r="F12" s="58">
        <v>288966</v>
      </c>
      <c r="G12" s="59">
        <v>149283</v>
      </c>
      <c r="H12" s="59">
        <v>139683</v>
      </c>
      <c r="I12" s="59">
        <v>86</v>
      </c>
      <c r="J12" s="59">
        <v>4</v>
      </c>
      <c r="K12" s="59">
        <v>82</v>
      </c>
      <c r="L12" s="60">
        <v>2.12</v>
      </c>
      <c r="M12" s="61">
        <v>8696</v>
      </c>
      <c r="N12" s="3"/>
    </row>
    <row r="13" spans="2:15" ht="24" customHeight="1">
      <c r="B13" s="54"/>
      <c r="C13" s="69" t="s">
        <v>75</v>
      </c>
      <c r="D13" s="56"/>
      <c r="E13" s="57">
        <v>122426</v>
      </c>
      <c r="F13" s="58">
        <v>241606</v>
      </c>
      <c r="G13" s="59">
        <v>122740</v>
      </c>
      <c r="H13" s="59">
        <v>118866</v>
      </c>
      <c r="I13" s="59">
        <v>-51</v>
      </c>
      <c r="J13" s="59">
        <v>-13</v>
      </c>
      <c r="K13" s="59">
        <v>-38</v>
      </c>
      <c r="L13" s="60">
        <v>1.97</v>
      </c>
      <c r="M13" s="61">
        <v>10181</v>
      </c>
      <c r="N13" s="3"/>
    </row>
    <row r="14" spans="2:15" ht="24" customHeight="1">
      <c r="B14" s="54"/>
      <c r="C14" s="68" t="s">
        <v>19</v>
      </c>
      <c r="D14" s="56"/>
      <c r="E14" s="57">
        <v>53060</v>
      </c>
      <c r="F14" s="58">
        <v>100048</v>
      </c>
      <c r="G14" s="59">
        <v>50676</v>
      </c>
      <c r="H14" s="59">
        <v>49372</v>
      </c>
      <c r="I14" s="59">
        <v>-76</v>
      </c>
      <c r="J14" s="59">
        <v>-9</v>
      </c>
      <c r="K14" s="59">
        <v>-67</v>
      </c>
      <c r="L14" s="60">
        <v>1.89</v>
      </c>
      <c r="M14" s="61">
        <v>14232</v>
      </c>
      <c r="N14" s="3"/>
      <c r="O14" s="4"/>
    </row>
    <row r="15" spans="2:15" ht="24" customHeight="1">
      <c r="B15" s="54"/>
      <c r="C15" s="68" t="s">
        <v>20</v>
      </c>
      <c r="D15" s="56"/>
      <c r="E15" s="57">
        <v>79929</v>
      </c>
      <c r="F15" s="58">
        <v>149155</v>
      </c>
      <c r="G15" s="59">
        <v>78258</v>
      </c>
      <c r="H15" s="59">
        <v>70897</v>
      </c>
      <c r="I15" s="59">
        <v>-85</v>
      </c>
      <c r="J15" s="59">
        <v>-78</v>
      </c>
      <c r="K15" s="59">
        <v>-7</v>
      </c>
      <c r="L15" s="60">
        <v>1.87</v>
      </c>
      <c r="M15" s="61">
        <v>7009</v>
      </c>
      <c r="N15" s="3"/>
    </row>
    <row r="16" spans="2:15" ht="24" customHeight="1">
      <c r="B16" s="54"/>
      <c r="C16" s="68" t="s">
        <v>21</v>
      </c>
      <c r="D16" s="56"/>
      <c r="E16" s="57">
        <v>97519</v>
      </c>
      <c r="F16" s="58">
        <v>194974</v>
      </c>
      <c r="G16" s="59">
        <v>97012</v>
      </c>
      <c r="H16" s="59">
        <v>97962</v>
      </c>
      <c r="I16" s="59">
        <v>-163</v>
      </c>
      <c r="J16" s="59">
        <v>-84</v>
      </c>
      <c r="K16" s="59">
        <v>-79</v>
      </c>
      <c r="L16" s="60">
        <v>2</v>
      </c>
      <c r="M16" s="61">
        <v>15413</v>
      </c>
      <c r="N16" s="3"/>
    </row>
    <row r="17" spans="2:14" ht="24" customHeight="1">
      <c r="B17" s="54"/>
      <c r="C17" s="68" t="s">
        <v>22</v>
      </c>
      <c r="D17" s="56"/>
      <c r="E17" s="57">
        <v>92159</v>
      </c>
      <c r="F17" s="58">
        <v>213956</v>
      </c>
      <c r="G17" s="59">
        <v>104894</v>
      </c>
      <c r="H17" s="59">
        <v>109062</v>
      </c>
      <c r="I17" s="59">
        <v>-82</v>
      </c>
      <c r="J17" s="59">
        <v>-75</v>
      </c>
      <c r="K17" s="59">
        <v>-7</v>
      </c>
      <c r="L17" s="60">
        <v>2.3199999999999998</v>
      </c>
      <c r="M17" s="61">
        <v>10752</v>
      </c>
      <c r="N17" s="3"/>
    </row>
    <row r="18" spans="2:14" ht="24" customHeight="1">
      <c r="B18" s="54"/>
      <c r="C18" s="69" t="s">
        <v>76</v>
      </c>
      <c r="D18" s="70"/>
      <c r="E18" s="57">
        <v>94817</v>
      </c>
      <c r="F18" s="58">
        <v>206515</v>
      </c>
      <c r="G18" s="59">
        <v>102753</v>
      </c>
      <c r="H18" s="59">
        <v>103762</v>
      </c>
      <c r="I18" s="59">
        <v>-48</v>
      </c>
      <c r="J18" s="59">
        <v>-51</v>
      </c>
      <c r="K18" s="59">
        <v>3</v>
      </c>
      <c r="L18" s="60">
        <v>2.1800000000000002</v>
      </c>
      <c r="M18" s="61">
        <v>9417</v>
      </c>
      <c r="N18" s="3"/>
    </row>
    <row r="19" spans="2:14" ht="24" customHeight="1">
      <c r="B19" s="54"/>
      <c r="C19" s="68" t="s">
        <v>23</v>
      </c>
      <c r="D19" s="56"/>
      <c r="E19" s="57">
        <v>104247</v>
      </c>
      <c r="F19" s="58">
        <v>245756</v>
      </c>
      <c r="G19" s="59">
        <v>119104</v>
      </c>
      <c r="H19" s="59">
        <v>126652</v>
      </c>
      <c r="I19" s="59">
        <v>-77</v>
      </c>
      <c r="J19" s="59">
        <v>-87</v>
      </c>
      <c r="K19" s="59">
        <v>10</v>
      </c>
      <c r="L19" s="60">
        <v>2.36</v>
      </c>
      <c r="M19" s="61">
        <v>7509</v>
      </c>
      <c r="N19" s="3"/>
    </row>
    <row r="20" spans="2:14" ht="24" customHeight="1">
      <c r="B20" s="54"/>
      <c r="C20" s="68" t="s">
        <v>24</v>
      </c>
      <c r="D20" s="56"/>
      <c r="E20" s="57">
        <v>75869</v>
      </c>
      <c r="F20" s="58">
        <v>166515</v>
      </c>
      <c r="G20" s="59">
        <v>81873</v>
      </c>
      <c r="H20" s="59">
        <v>84642</v>
      </c>
      <c r="I20" s="59">
        <v>-19</v>
      </c>
      <c r="J20" s="59">
        <v>-43</v>
      </c>
      <c r="K20" s="59">
        <v>24</v>
      </c>
      <c r="L20" s="60">
        <v>2.19</v>
      </c>
      <c r="M20" s="61">
        <v>8741</v>
      </c>
      <c r="N20" s="3"/>
    </row>
    <row r="21" spans="2:14" ht="24" customHeight="1">
      <c r="B21" s="54"/>
      <c r="C21" s="68" t="s">
        <v>25</v>
      </c>
      <c r="D21" s="56"/>
      <c r="E21" s="57">
        <v>87632</v>
      </c>
      <c r="F21" s="58">
        <v>200033</v>
      </c>
      <c r="G21" s="59">
        <v>97877</v>
      </c>
      <c r="H21" s="59">
        <v>102156</v>
      </c>
      <c r="I21" s="59">
        <v>-12</v>
      </c>
      <c r="J21" s="59">
        <v>-103</v>
      </c>
      <c r="K21" s="59">
        <v>91</v>
      </c>
      <c r="L21" s="60">
        <v>2.2799999999999998</v>
      </c>
      <c r="M21" s="61">
        <v>6461</v>
      </c>
      <c r="N21" s="3"/>
    </row>
    <row r="22" spans="2:14" ht="24" customHeight="1">
      <c r="B22" s="54"/>
      <c r="C22" s="68" t="s">
        <v>26</v>
      </c>
      <c r="D22" s="56"/>
      <c r="E22" s="57">
        <v>166366</v>
      </c>
      <c r="F22" s="58">
        <v>348737</v>
      </c>
      <c r="G22" s="59">
        <v>176227</v>
      </c>
      <c r="H22" s="59">
        <v>172510</v>
      </c>
      <c r="I22" s="59">
        <v>-39</v>
      </c>
      <c r="J22" s="59">
        <v>91</v>
      </c>
      <c r="K22" s="59">
        <v>-130</v>
      </c>
      <c r="L22" s="60">
        <v>2.1</v>
      </c>
      <c r="M22" s="61">
        <v>11106</v>
      </c>
      <c r="N22" s="3"/>
    </row>
    <row r="23" spans="2:14" ht="24" customHeight="1">
      <c r="B23" s="54"/>
      <c r="C23" s="68" t="s">
        <v>27</v>
      </c>
      <c r="D23" s="56"/>
      <c r="E23" s="57">
        <v>76130</v>
      </c>
      <c r="F23" s="58">
        <v>181215</v>
      </c>
      <c r="G23" s="59">
        <v>89195</v>
      </c>
      <c r="H23" s="59">
        <v>92020</v>
      </c>
      <c r="I23" s="59">
        <v>-1</v>
      </c>
      <c r="J23" s="59">
        <v>22</v>
      </c>
      <c r="K23" s="59">
        <v>-23</v>
      </c>
      <c r="L23" s="60">
        <v>2.38</v>
      </c>
      <c r="M23" s="61">
        <v>7104</v>
      </c>
      <c r="N23" s="3"/>
    </row>
    <row r="24" spans="2:14" ht="24" customHeight="1">
      <c r="B24" s="54"/>
      <c r="C24" s="68" t="s">
        <v>28</v>
      </c>
      <c r="D24" s="56"/>
      <c r="E24" s="57">
        <v>127123</v>
      </c>
      <c r="F24" s="58">
        <v>309880</v>
      </c>
      <c r="G24" s="59">
        <v>150772</v>
      </c>
      <c r="H24" s="59">
        <v>159108</v>
      </c>
      <c r="I24" s="59">
        <v>-203</v>
      </c>
      <c r="J24" s="59">
        <v>25</v>
      </c>
      <c r="K24" s="59">
        <v>-228</v>
      </c>
      <c r="L24" s="60">
        <v>2.44</v>
      </c>
      <c r="M24" s="61">
        <v>8798</v>
      </c>
      <c r="N24" s="3"/>
    </row>
    <row r="25" spans="2:14" ht="24" customHeight="1">
      <c r="B25" s="54"/>
      <c r="C25" s="68" t="s">
        <v>29</v>
      </c>
      <c r="D25" s="56"/>
      <c r="E25" s="57">
        <v>81678</v>
      </c>
      <c r="F25" s="58">
        <v>211296</v>
      </c>
      <c r="G25" s="59">
        <v>105441</v>
      </c>
      <c r="H25" s="59">
        <v>105855</v>
      </c>
      <c r="I25" s="59">
        <v>5</v>
      </c>
      <c r="J25" s="59">
        <v>47</v>
      </c>
      <c r="K25" s="59">
        <v>-42</v>
      </c>
      <c r="L25" s="60">
        <v>2.59</v>
      </c>
      <c r="M25" s="61">
        <v>7581</v>
      </c>
      <c r="N25" s="3"/>
    </row>
    <row r="26" spans="2:14" ht="24" customHeight="1">
      <c r="B26" s="54"/>
      <c r="C26" s="68" t="s">
        <v>30</v>
      </c>
      <c r="D26" s="56"/>
      <c r="E26" s="57">
        <v>115970</v>
      </c>
      <c r="F26" s="58">
        <v>277016</v>
      </c>
      <c r="G26" s="59">
        <v>135690</v>
      </c>
      <c r="H26" s="59">
        <v>141326</v>
      </c>
      <c r="I26" s="59">
        <v>-68</v>
      </c>
      <c r="J26" s="59">
        <v>-45</v>
      </c>
      <c r="K26" s="59">
        <v>-23</v>
      </c>
      <c r="L26" s="60">
        <v>2.39</v>
      </c>
      <c r="M26" s="61">
        <v>7740</v>
      </c>
      <c r="N26" s="3"/>
    </row>
    <row r="27" spans="2:14" ht="24" customHeight="1">
      <c r="B27" s="54"/>
      <c r="C27" s="68" t="s">
        <v>31</v>
      </c>
      <c r="D27" s="56"/>
      <c r="E27" s="57">
        <v>51122</v>
      </c>
      <c r="F27" s="58">
        <v>120887</v>
      </c>
      <c r="G27" s="59">
        <v>58995</v>
      </c>
      <c r="H27" s="59">
        <v>61892</v>
      </c>
      <c r="I27" s="59">
        <v>-90</v>
      </c>
      <c r="J27" s="59">
        <v>-34</v>
      </c>
      <c r="K27" s="59">
        <v>-56</v>
      </c>
      <c r="L27" s="60">
        <v>2.36</v>
      </c>
      <c r="M27" s="61">
        <v>6527</v>
      </c>
      <c r="N27" s="3"/>
    </row>
    <row r="28" spans="2:14" ht="24" customHeight="1">
      <c r="B28" s="54"/>
      <c r="C28" s="68" t="s">
        <v>32</v>
      </c>
      <c r="D28" s="56"/>
      <c r="E28" s="57">
        <v>61448</v>
      </c>
      <c r="F28" s="58">
        <v>152984</v>
      </c>
      <c r="G28" s="59">
        <v>74749</v>
      </c>
      <c r="H28" s="59">
        <v>78235</v>
      </c>
      <c r="I28" s="59">
        <v>-95</v>
      </c>
      <c r="J28" s="59">
        <v>-23</v>
      </c>
      <c r="K28" s="59">
        <v>-72</v>
      </c>
      <c r="L28" s="60">
        <v>2.4900000000000002</v>
      </c>
      <c r="M28" s="61">
        <v>6488</v>
      </c>
      <c r="N28" s="3"/>
    </row>
    <row r="29" spans="2:14" ht="24" customHeight="1">
      <c r="B29" s="54"/>
      <c r="C29" s="68" t="s">
        <v>33</v>
      </c>
      <c r="D29" s="56"/>
      <c r="E29" s="57">
        <v>51016</v>
      </c>
      <c r="F29" s="58">
        <v>123545</v>
      </c>
      <c r="G29" s="59">
        <v>60250</v>
      </c>
      <c r="H29" s="59">
        <v>63295</v>
      </c>
      <c r="I29" s="59">
        <v>90</v>
      </c>
      <c r="J29" s="59">
        <v>-28</v>
      </c>
      <c r="K29" s="59">
        <v>118</v>
      </c>
      <c r="L29" s="60">
        <v>2.42</v>
      </c>
      <c r="M29" s="61">
        <v>7195</v>
      </c>
      <c r="N29" s="3"/>
    </row>
    <row r="30" spans="2:14" ht="24" customHeight="1">
      <c r="B30" s="6"/>
      <c r="C30" s="24" t="s">
        <v>34</v>
      </c>
      <c r="D30" s="7"/>
      <c r="E30" s="8">
        <v>717241</v>
      </c>
      <c r="F30" s="9">
        <v>1505357</v>
      </c>
      <c r="G30" s="10">
        <v>762929</v>
      </c>
      <c r="H30" s="10">
        <v>742428</v>
      </c>
      <c r="I30" s="10">
        <v>50</v>
      </c>
      <c r="J30" s="10">
        <v>234</v>
      </c>
      <c r="K30" s="10">
        <v>-184</v>
      </c>
      <c r="L30" s="11">
        <v>2.1</v>
      </c>
      <c r="M30" s="12">
        <v>10527</v>
      </c>
      <c r="N30" s="3"/>
    </row>
    <row r="31" spans="2:14" ht="24" customHeight="1">
      <c r="B31" s="54"/>
      <c r="C31" s="68" t="s">
        <v>35</v>
      </c>
      <c r="D31" s="56"/>
      <c r="E31" s="57">
        <v>116348</v>
      </c>
      <c r="F31" s="58">
        <v>229953</v>
      </c>
      <c r="G31" s="59">
        <v>123403</v>
      </c>
      <c r="H31" s="59">
        <v>106550</v>
      </c>
      <c r="I31" s="59">
        <v>-50</v>
      </c>
      <c r="J31" s="59">
        <v>-23</v>
      </c>
      <c r="K31" s="59">
        <v>-27</v>
      </c>
      <c r="L31" s="60">
        <v>1.98</v>
      </c>
      <c r="M31" s="61">
        <v>5817</v>
      </c>
      <c r="N31" s="3"/>
    </row>
    <row r="32" spans="2:14" ht="24" customHeight="1">
      <c r="B32" s="54"/>
      <c r="C32" s="68" t="s">
        <v>77</v>
      </c>
      <c r="D32" s="56"/>
      <c r="E32" s="57">
        <v>78628</v>
      </c>
      <c r="F32" s="58">
        <v>166182</v>
      </c>
      <c r="G32" s="59">
        <v>83894</v>
      </c>
      <c r="H32" s="59">
        <v>82288</v>
      </c>
      <c r="I32" s="59">
        <v>-40</v>
      </c>
      <c r="J32" s="59">
        <v>11</v>
      </c>
      <c r="K32" s="59">
        <v>-51</v>
      </c>
      <c r="L32" s="60">
        <v>2.11</v>
      </c>
      <c r="M32" s="61">
        <v>16602</v>
      </c>
      <c r="N32" s="3"/>
    </row>
    <row r="33" spans="2:14" ht="24" customHeight="1">
      <c r="B33" s="54"/>
      <c r="C33" s="68" t="s">
        <v>36</v>
      </c>
      <c r="D33" s="56"/>
      <c r="E33" s="57">
        <v>127987</v>
      </c>
      <c r="F33" s="58">
        <v>254414</v>
      </c>
      <c r="G33" s="59">
        <v>129875</v>
      </c>
      <c r="H33" s="59">
        <v>124539</v>
      </c>
      <c r="I33" s="59">
        <v>-110</v>
      </c>
      <c r="J33" s="59">
        <v>108</v>
      </c>
      <c r="K33" s="59">
        <v>-218</v>
      </c>
      <c r="L33" s="60">
        <v>1.99</v>
      </c>
      <c r="M33" s="61">
        <v>17260</v>
      </c>
      <c r="N33" s="3"/>
    </row>
    <row r="34" spans="2:14" ht="24" customHeight="1">
      <c r="B34" s="54"/>
      <c r="C34" s="68" t="s">
        <v>78</v>
      </c>
      <c r="D34" s="56"/>
      <c r="E34" s="57">
        <v>110489</v>
      </c>
      <c r="F34" s="58">
        <v>230893</v>
      </c>
      <c r="G34" s="59">
        <v>116117</v>
      </c>
      <c r="H34" s="59">
        <v>114776</v>
      </c>
      <c r="I34" s="59">
        <v>125</v>
      </c>
      <c r="J34" s="59">
        <v>77</v>
      </c>
      <c r="K34" s="59">
        <v>48</v>
      </c>
      <c r="L34" s="60">
        <v>2.09</v>
      </c>
      <c r="M34" s="61">
        <v>14113</v>
      </c>
      <c r="N34" s="3"/>
    </row>
    <row r="35" spans="2:14" ht="24" customHeight="1">
      <c r="B35" s="54"/>
      <c r="C35" s="68" t="s">
        <v>37</v>
      </c>
      <c r="D35" s="56"/>
      <c r="E35" s="57">
        <v>98213</v>
      </c>
      <c r="F35" s="58">
        <v>230080</v>
      </c>
      <c r="G35" s="59">
        <v>112715</v>
      </c>
      <c r="H35" s="59">
        <v>117365</v>
      </c>
      <c r="I35" s="59">
        <v>270</v>
      </c>
      <c r="J35" s="59">
        <v>54</v>
      </c>
      <c r="K35" s="59">
        <v>216</v>
      </c>
      <c r="L35" s="60">
        <v>2.34</v>
      </c>
      <c r="M35" s="61">
        <v>12363</v>
      </c>
      <c r="N35" s="3"/>
    </row>
    <row r="36" spans="2:14" ht="24" customHeight="1">
      <c r="B36" s="54"/>
      <c r="C36" s="68" t="s">
        <v>38</v>
      </c>
      <c r="D36" s="56"/>
      <c r="E36" s="57">
        <v>109473</v>
      </c>
      <c r="F36" s="58">
        <v>216475</v>
      </c>
      <c r="G36" s="59">
        <v>110711</v>
      </c>
      <c r="H36" s="59">
        <v>105764</v>
      </c>
      <c r="I36" s="59">
        <v>-123</v>
      </c>
      <c r="J36" s="59">
        <v>25</v>
      </c>
      <c r="K36" s="59">
        <v>-148</v>
      </c>
      <c r="L36" s="60">
        <v>1.98</v>
      </c>
      <c r="M36" s="61">
        <v>10560</v>
      </c>
      <c r="N36" s="3"/>
    </row>
    <row r="37" spans="2:14" ht="24" customHeight="1">
      <c r="B37" s="54"/>
      <c r="C37" s="68" t="s">
        <v>39</v>
      </c>
      <c r="D37" s="56"/>
      <c r="E37" s="57">
        <v>76103</v>
      </c>
      <c r="F37" s="58">
        <v>177360</v>
      </c>
      <c r="G37" s="59">
        <v>86214</v>
      </c>
      <c r="H37" s="59">
        <v>91146</v>
      </c>
      <c r="I37" s="59">
        <v>-22</v>
      </c>
      <c r="J37" s="59">
        <v>-18</v>
      </c>
      <c r="K37" s="59">
        <v>-4</v>
      </c>
      <c r="L37" s="60">
        <v>2.33</v>
      </c>
      <c r="M37" s="61">
        <v>7628</v>
      </c>
      <c r="N37" s="3"/>
    </row>
    <row r="38" spans="2:14" ht="24" customHeight="1">
      <c r="B38" s="6"/>
      <c r="C38" s="24" t="s">
        <v>47</v>
      </c>
      <c r="D38" s="13"/>
      <c r="E38" s="8">
        <v>319630</v>
      </c>
      <c r="F38" s="9">
        <v>722688</v>
      </c>
      <c r="G38" s="10">
        <v>361755</v>
      </c>
      <c r="H38" s="10">
        <v>360933</v>
      </c>
      <c r="I38" s="10">
        <v>401</v>
      </c>
      <c r="J38" s="10">
        <v>-112</v>
      </c>
      <c r="K38" s="10">
        <v>513</v>
      </c>
      <c r="L38" s="11">
        <v>2.2599999999999998</v>
      </c>
      <c r="M38" s="12">
        <v>2199</v>
      </c>
      <c r="N38" s="3"/>
    </row>
    <row r="39" spans="2:14" ht="24" customHeight="1">
      <c r="B39" s="54"/>
      <c r="C39" s="68" t="s">
        <v>73</v>
      </c>
      <c r="D39" s="71"/>
      <c r="E39" s="57">
        <v>72751</v>
      </c>
      <c r="F39" s="58">
        <v>172347</v>
      </c>
      <c r="G39" s="59">
        <v>86859</v>
      </c>
      <c r="H39" s="59">
        <v>85488</v>
      </c>
      <c r="I39" s="59">
        <v>15</v>
      </c>
      <c r="J39" s="59">
        <v>-20</v>
      </c>
      <c r="K39" s="59">
        <v>35</v>
      </c>
      <c r="L39" s="60">
        <v>2.37</v>
      </c>
      <c r="M39" s="61">
        <v>679</v>
      </c>
      <c r="N39" s="3"/>
    </row>
    <row r="40" spans="2:14" ht="24" customHeight="1">
      <c r="B40" s="54"/>
      <c r="C40" s="68" t="s">
        <v>79</v>
      </c>
      <c r="D40" s="56"/>
      <c r="E40" s="57">
        <v>119825</v>
      </c>
      <c r="F40" s="58">
        <v>271644</v>
      </c>
      <c r="G40" s="59">
        <v>136573</v>
      </c>
      <c r="H40" s="59">
        <v>135071</v>
      </c>
      <c r="I40" s="59">
        <v>6</v>
      </c>
      <c r="J40" s="59">
        <v>-43</v>
      </c>
      <c r="K40" s="59">
        <v>49</v>
      </c>
      <c r="L40" s="60">
        <v>2.27</v>
      </c>
      <c r="M40" s="61">
        <v>7368</v>
      </c>
      <c r="N40" s="3"/>
    </row>
    <row r="41" spans="2:14" ht="24" customHeight="1">
      <c r="B41" s="54"/>
      <c r="C41" s="68" t="s">
        <v>74</v>
      </c>
      <c r="D41" s="56"/>
      <c r="E41" s="57">
        <v>127054</v>
      </c>
      <c r="F41" s="58">
        <v>278697</v>
      </c>
      <c r="G41" s="59">
        <v>138323</v>
      </c>
      <c r="H41" s="59">
        <v>140374</v>
      </c>
      <c r="I41" s="59">
        <v>380</v>
      </c>
      <c r="J41" s="59">
        <v>-49</v>
      </c>
      <c r="K41" s="59">
        <v>429</v>
      </c>
      <c r="L41" s="60">
        <v>2.19</v>
      </c>
      <c r="M41" s="61">
        <v>7313</v>
      </c>
      <c r="N41" s="3"/>
    </row>
    <row r="42" spans="2:14" ht="23.25" customHeight="1">
      <c r="B42" s="54"/>
      <c r="C42" s="68" t="s">
        <v>40</v>
      </c>
      <c r="D42" s="72"/>
      <c r="E42" s="57">
        <v>166874</v>
      </c>
      <c r="F42" s="58">
        <v>400221</v>
      </c>
      <c r="G42" s="59">
        <v>199598</v>
      </c>
      <c r="H42" s="59">
        <v>200623</v>
      </c>
      <c r="I42" s="59">
        <v>-214</v>
      </c>
      <c r="J42" s="59">
        <v>-185</v>
      </c>
      <c r="K42" s="59">
        <v>-29</v>
      </c>
      <c r="L42" s="60">
        <v>2.4</v>
      </c>
      <c r="M42" s="61">
        <v>3969</v>
      </c>
      <c r="N42" s="2"/>
    </row>
    <row r="43" spans="2:14" ht="23.25" customHeight="1">
      <c r="B43" s="54"/>
      <c r="C43" s="68" t="s">
        <v>41</v>
      </c>
      <c r="D43" s="72"/>
      <c r="E43" s="57">
        <v>110140</v>
      </c>
      <c r="F43" s="58">
        <v>258381</v>
      </c>
      <c r="G43" s="59">
        <v>129542</v>
      </c>
      <c r="H43" s="59">
        <v>128839</v>
      </c>
      <c r="I43" s="59">
        <v>-10</v>
      </c>
      <c r="J43" s="59">
        <v>-124</v>
      </c>
      <c r="K43" s="59">
        <v>114</v>
      </c>
      <c r="L43" s="60">
        <v>2.35</v>
      </c>
      <c r="M43" s="61">
        <v>3810</v>
      </c>
    </row>
    <row r="44" spans="2:14" ht="23.25" customHeight="1">
      <c r="B44" s="54"/>
      <c r="C44" s="68" t="s">
        <v>42</v>
      </c>
      <c r="D44" s="72"/>
      <c r="E44" s="57">
        <v>73705</v>
      </c>
      <c r="F44" s="58">
        <v>172129</v>
      </c>
      <c r="G44" s="59">
        <v>81125</v>
      </c>
      <c r="H44" s="59">
        <v>91004</v>
      </c>
      <c r="I44" s="59">
        <v>-101</v>
      </c>
      <c r="J44" s="59">
        <v>-110</v>
      </c>
      <c r="K44" s="59">
        <v>9</v>
      </c>
      <c r="L44" s="60">
        <v>2.34</v>
      </c>
      <c r="M44" s="61">
        <v>4339</v>
      </c>
    </row>
    <row r="45" spans="2:14" ht="23.25" customHeight="1">
      <c r="B45" s="54"/>
      <c r="C45" s="68" t="s">
        <v>43</v>
      </c>
      <c r="D45" s="72"/>
      <c r="E45" s="57">
        <v>185527</v>
      </c>
      <c r="F45" s="58">
        <v>429249</v>
      </c>
      <c r="G45" s="59">
        <v>212261</v>
      </c>
      <c r="H45" s="59">
        <v>216988</v>
      </c>
      <c r="I45" s="59">
        <v>47</v>
      </c>
      <c r="J45" s="59">
        <v>-9</v>
      </c>
      <c r="K45" s="59">
        <v>56</v>
      </c>
      <c r="L45" s="60">
        <v>2.31</v>
      </c>
      <c r="M45" s="61">
        <v>6170</v>
      </c>
    </row>
    <row r="46" spans="2:14" ht="23.25" customHeight="1">
      <c r="B46" s="49"/>
      <c r="C46" s="68" t="s">
        <v>44</v>
      </c>
      <c r="D46" s="72"/>
      <c r="E46" s="57">
        <v>80685</v>
      </c>
      <c r="F46" s="58">
        <v>192116</v>
      </c>
      <c r="G46" s="59">
        <v>93594</v>
      </c>
      <c r="H46" s="59">
        <v>98522</v>
      </c>
      <c r="I46" s="59">
        <v>-95</v>
      </c>
      <c r="J46" s="59">
        <v>-81</v>
      </c>
      <c r="K46" s="59">
        <v>-14</v>
      </c>
      <c r="L46" s="60">
        <v>2.38</v>
      </c>
      <c r="M46" s="61">
        <v>1688</v>
      </c>
    </row>
    <row r="47" spans="2:14" ht="23.25" customHeight="1">
      <c r="B47" s="49"/>
      <c r="C47" s="68" t="s">
        <v>45</v>
      </c>
      <c r="D47" s="73"/>
      <c r="E47" s="57">
        <v>100544</v>
      </c>
      <c r="F47" s="58">
        <v>240951</v>
      </c>
      <c r="G47" s="59">
        <v>117421</v>
      </c>
      <c r="H47" s="59">
        <v>123530</v>
      </c>
      <c r="I47" s="59">
        <v>161</v>
      </c>
      <c r="J47" s="59">
        <v>-43</v>
      </c>
      <c r="K47" s="59">
        <v>204</v>
      </c>
      <c r="L47" s="60">
        <v>2.4</v>
      </c>
      <c r="M47" s="61">
        <v>6749</v>
      </c>
    </row>
    <row r="48" spans="2:14" ht="23.25" customHeight="1">
      <c r="B48" s="49"/>
      <c r="C48" s="68" t="s">
        <v>46</v>
      </c>
      <c r="D48" s="73"/>
      <c r="E48" s="57">
        <v>24525</v>
      </c>
      <c r="F48" s="58">
        <v>57361</v>
      </c>
      <c r="G48" s="59">
        <v>26803</v>
      </c>
      <c r="H48" s="59">
        <v>30558</v>
      </c>
      <c r="I48" s="59">
        <v>-43</v>
      </c>
      <c r="J48" s="59">
        <v>-49</v>
      </c>
      <c r="K48" s="59">
        <v>6</v>
      </c>
      <c r="L48" s="60">
        <v>2.34</v>
      </c>
      <c r="M48" s="61">
        <v>3320</v>
      </c>
    </row>
    <row r="49" spans="2:13" ht="23.25" customHeight="1">
      <c r="B49" s="49"/>
      <c r="C49" s="68" t="s">
        <v>48</v>
      </c>
      <c r="D49" s="73"/>
      <c r="E49" s="57">
        <v>17490</v>
      </c>
      <c r="F49" s="58">
        <v>43723</v>
      </c>
      <c r="G49" s="59">
        <v>21000</v>
      </c>
      <c r="H49" s="59">
        <v>22723</v>
      </c>
      <c r="I49" s="59">
        <v>-53</v>
      </c>
      <c r="J49" s="59">
        <v>-45</v>
      </c>
      <c r="K49" s="59">
        <v>-8</v>
      </c>
      <c r="L49" s="60">
        <v>2.5</v>
      </c>
      <c r="M49" s="61">
        <v>1364</v>
      </c>
    </row>
    <row r="50" spans="2:13" ht="23.25" customHeight="1">
      <c r="B50" s="49"/>
      <c r="C50" s="68" t="s">
        <v>49</v>
      </c>
      <c r="D50" s="73"/>
      <c r="E50" s="57">
        <v>70936</v>
      </c>
      <c r="F50" s="58">
        <v>166064</v>
      </c>
      <c r="G50" s="59">
        <v>84932</v>
      </c>
      <c r="H50" s="59">
        <v>81132</v>
      </c>
      <c r="I50" s="59">
        <v>35</v>
      </c>
      <c r="J50" s="59">
        <v>-67</v>
      </c>
      <c r="K50" s="59">
        <v>102</v>
      </c>
      <c r="L50" s="60">
        <v>2.34</v>
      </c>
      <c r="M50" s="61">
        <v>1600</v>
      </c>
    </row>
    <row r="51" spans="2:13" ht="23.25" customHeight="1">
      <c r="B51" s="49"/>
      <c r="C51" s="68" t="s">
        <v>50</v>
      </c>
      <c r="D51" s="73"/>
      <c r="E51" s="57">
        <v>98370</v>
      </c>
      <c r="F51" s="58">
        <v>225812</v>
      </c>
      <c r="G51" s="59">
        <v>116731</v>
      </c>
      <c r="H51" s="59">
        <v>109081</v>
      </c>
      <c r="I51" s="59">
        <v>-67</v>
      </c>
      <c r="J51" s="59">
        <v>-43</v>
      </c>
      <c r="K51" s="59">
        <v>-24</v>
      </c>
      <c r="L51" s="60">
        <v>2.2999999999999998</v>
      </c>
      <c r="M51" s="61">
        <v>2406</v>
      </c>
    </row>
    <row r="52" spans="2:13" ht="23.25" customHeight="1">
      <c r="B52" s="49"/>
      <c r="C52" s="68" t="s">
        <v>51</v>
      </c>
      <c r="D52" s="73"/>
      <c r="E52" s="57">
        <v>105033</v>
      </c>
      <c r="F52" s="58">
        <v>235378</v>
      </c>
      <c r="G52" s="59">
        <v>117682</v>
      </c>
      <c r="H52" s="59">
        <v>117696</v>
      </c>
      <c r="I52" s="59">
        <v>70</v>
      </c>
      <c r="J52" s="59">
        <v>-16</v>
      </c>
      <c r="K52" s="59">
        <v>86</v>
      </c>
      <c r="L52" s="60">
        <v>2.2400000000000002</v>
      </c>
      <c r="M52" s="61">
        <v>8689</v>
      </c>
    </row>
    <row r="53" spans="2:13" ht="23.25" customHeight="1">
      <c r="B53" s="49"/>
      <c r="C53" s="68" t="s">
        <v>52</v>
      </c>
      <c r="D53" s="73"/>
      <c r="E53" s="57">
        <v>44331</v>
      </c>
      <c r="F53" s="58">
        <v>102143</v>
      </c>
      <c r="G53" s="59">
        <v>51690</v>
      </c>
      <c r="H53" s="59">
        <v>50453</v>
      </c>
      <c r="I53" s="59">
        <v>-5</v>
      </c>
      <c r="J53" s="59">
        <v>-6</v>
      </c>
      <c r="K53" s="59">
        <v>1</v>
      </c>
      <c r="L53" s="60">
        <v>2.2999999999999998</v>
      </c>
      <c r="M53" s="61">
        <v>1838</v>
      </c>
    </row>
    <row r="54" spans="2:13" ht="23.25" customHeight="1">
      <c r="B54" s="49"/>
      <c r="C54" s="68" t="s">
        <v>53</v>
      </c>
      <c r="D54" s="73"/>
      <c r="E54" s="57">
        <v>55115</v>
      </c>
      <c r="F54" s="58">
        <v>131412</v>
      </c>
      <c r="G54" s="59">
        <v>66137</v>
      </c>
      <c r="H54" s="59">
        <v>65275</v>
      </c>
      <c r="I54" s="59">
        <v>19</v>
      </c>
      <c r="J54" s="59">
        <v>12</v>
      </c>
      <c r="K54" s="59">
        <v>7</v>
      </c>
      <c r="L54" s="60">
        <v>2.38</v>
      </c>
      <c r="M54" s="61">
        <v>4942</v>
      </c>
    </row>
    <row r="55" spans="2:13" ht="23.25" customHeight="1">
      <c r="B55" s="49"/>
      <c r="C55" s="68" t="s">
        <v>54</v>
      </c>
      <c r="D55" s="73"/>
      <c r="E55" s="57">
        <v>57495</v>
      </c>
      <c r="F55" s="58">
        <v>129467</v>
      </c>
      <c r="G55" s="59">
        <v>64708</v>
      </c>
      <c r="H55" s="59">
        <v>64759</v>
      </c>
      <c r="I55" s="59">
        <v>-39</v>
      </c>
      <c r="J55" s="59">
        <v>-2</v>
      </c>
      <c r="K55" s="59">
        <v>-37</v>
      </c>
      <c r="L55" s="60">
        <v>2.25</v>
      </c>
      <c r="M55" s="61">
        <v>7369</v>
      </c>
    </row>
    <row r="56" spans="2:13" ht="23.25" customHeight="1">
      <c r="B56" s="49"/>
      <c r="C56" s="68" t="s">
        <v>55</v>
      </c>
      <c r="D56" s="73"/>
      <c r="E56" s="57">
        <v>16448</v>
      </c>
      <c r="F56" s="58">
        <v>42613</v>
      </c>
      <c r="G56" s="59">
        <v>20990</v>
      </c>
      <c r="H56" s="59">
        <v>21623</v>
      </c>
      <c r="I56" s="59">
        <v>5</v>
      </c>
      <c r="J56" s="59">
        <v>-24</v>
      </c>
      <c r="K56" s="59">
        <v>29</v>
      </c>
      <c r="L56" s="60">
        <v>2.59</v>
      </c>
      <c r="M56" s="61">
        <v>553</v>
      </c>
    </row>
    <row r="57" spans="2:13" ht="23.25" customHeight="1">
      <c r="B57" s="49"/>
      <c r="C57" s="68" t="s">
        <v>56</v>
      </c>
      <c r="D57" s="73"/>
      <c r="E57" s="57">
        <v>34100</v>
      </c>
      <c r="F57" s="58">
        <v>84250</v>
      </c>
      <c r="G57" s="59">
        <v>42850</v>
      </c>
      <c r="H57" s="59">
        <v>41400</v>
      </c>
      <c r="I57" s="59">
        <v>31</v>
      </c>
      <c r="J57" s="59">
        <v>-12</v>
      </c>
      <c r="K57" s="59">
        <v>43</v>
      </c>
      <c r="L57" s="60">
        <v>2.4700000000000002</v>
      </c>
      <c r="M57" s="61">
        <v>3805</v>
      </c>
    </row>
    <row r="58" spans="2:13" ht="23.25" customHeight="1">
      <c r="B58" s="49"/>
      <c r="C58" s="69" t="s">
        <v>81</v>
      </c>
      <c r="D58" s="73"/>
      <c r="E58" s="57">
        <v>12648</v>
      </c>
      <c r="F58" s="58">
        <v>31930</v>
      </c>
      <c r="G58" s="59">
        <v>15081</v>
      </c>
      <c r="H58" s="59">
        <v>16849</v>
      </c>
      <c r="I58" s="59">
        <v>-21</v>
      </c>
      <c r="J58" s="59">
        <v>-32</v>
      </c>
      <c r="K58" s="59">
        <v>11</v>
      </c>
      <c r="L58" s="60">
        <v>2.52</v>
      </c>
      <c r="M58" s="61">
        <v>1874</v>
      </c>
    </row>
    <row r="59" spans="2:13" ht="23.25" customHeight="1">
      <c r="B59" s="49"/>
      <c r="C59" s="69" t="s">
        <v>82</v>
      </c>
      <c r="D59" s="73"/>
      <c r="E59" s="57">
        <v>19278</v>
      </c>
      <c r="F59" s="58">
        <v>48153</v>
      </c>
      <c r="G59" s="59">
        <v>24397</v>
      </c>
      <c r="H59" s="59">
        <v>23756</v>
      </c>
      <c r="I59" s="59">
        <v>-24</v>
      </c>
      <c r="J59" s="59">
        <v>-14</v>
      </c>
      <c r="K59" s="59">
        <v>-10</v>
      </c>
      <c r="L59" s="60">
        <v>2.5</v>
      </c>
      <c r="M59" s="61">
        <v>3610</v>
      </c>
    </row>
    <row r="60" spans="2:13" ht="23.25" customHeight="1">
      <c r="B60" s="14"/>
      <c r="C60" s="24" t="s">
        <v>57</v>
      </c>
      <c r="D60" s="15"/>
      <c r="E60" s="8">
        <v>23869</v>
      </c>
      <c r="F60" s="9">
        <v>59518</v>
      </c>
      <c r="G60" s="10">
        <v>28873</v>
      </c>
      <c r="H60" s="10">
        <v>30645</v>
      </c>
      <c r="I60" s="10">
        <v>17</v>
      </c>
      <c r="J60" s="10">
        <v>-19</v>
      </c>
      <c r="K60" s="10">
        <v>36</v>
      </c>
      <c r="L60" s="11">
        <v>2.4900000000000002</v>
      </c>
      <c r="M60" s="12">
        <v>2267</v>
      </c>
    </row>
    <row r="61" spans="2:13" ht="23.25" customHeight="1">
      <c r="B61" s="49"/>
      <c r="C61" s="68" t="s">
        <v>58</v>
      </c>
      <c r="D61" s="73"/>
      <c r="E61" s="57">
        <v>12545</v>
      </c>
      <c r="F61" s="58">
        <v>31530</v>
      </c>
      <c r="G61" s="59">
        <v>15395</v>
      </c>
      <c r="H61" s="59">
        <v>16135</v>
      </c>
      <c r="I61" s="59">
        <v>20</v>
      </c>
      <c r="J61" s="59">
        <v>-8</v>
      </c>
      <c r="K61" s="59">
        <v>28</v>
      </c>
      <c r="L61" s="60">
        <v>2.5099999999999998</v>
      </c>
      <c r="M61" s="61">
        <v>1835</v>
      </c>
    </row>
    <row r="62" spans="2:13" ht="23.25" customHeight="1">
      <c r="B62" s="49"/>
      <c r="C62" s="68" t="s">
        <v>59</v>
      </c>
      <c r="D62" s="73"/>
      <c r="E62" s="57">
        <v>11324</v>
      </c>
      <c r="F62" s="58">
        <v>27988</v>
      </c>
      <c r="G62" s="59">
        <v>13478</v>
      </c>
      <c r="H62" s="59">
        <v>14510</v>
      </c>
      <c r="I62" s="59">
        <v>-3</v>
      </c>
      <c r="J62" s="59">
        <v>-11</v>
      </c>
      <c r="K62" s="59">
        <v>8</v>
      </c>
      <c r="L62" s="60">
        <v>2.4700000000000002</v>
      </c>
      <c r="M62" s="61">
        <v>3082</v>
      </c>
    </row>
    <row r="63" spans="2:13" ht="23.25" customHeight="1">
      <c r="B63" s="14"/>
      <c r="C63" s="24" t="s">
        <v>60</v>
      </c>
      <c r="D63" s="15"/>
      <c r="E63" s="8">
        <v>24557</v>
      </c>
      <c r="F63" s="9">
        <v>65096</v>
      </c>
      <c r="G63" s="10">
        <v>32160</v>
      </c>
      <c r="H63" s="10">
        <v>32936</v>
      </c>
      <c r="I63" s="10">
        <v>25</v>
      </c>
      <c r="J63" s="10">
        <v>-35</v>
      </c>
      <c r="K63" s="10">
        <v>60</v>
      </c>
      <c r="L63" s="11">
        <v>2.65</v>
      </c>
      <c r="M63" s="12">
        <v>215</v>
      </c>
    </row>
    <row r="64" spans="2:13" ht="23.25" customHeight="1">
      <c r="B64" s="49"/>
      <c r="C64" s="68" t="s">
        <v>61</v>
      </c>
      <c r="D64" s="73"/>
      <c r="E64" s="57">
        <v>3425</v>
      </c>
      <c r="F64" s="58">
        <v>9525</v>
      </c>
      <c r="G64" s="59">
        <v>4790</v>
      </c>
      <c r="H64" s="59">
        <v>4735</v>
      </c>
      <c r="I64" s="59">
        <v>-14</v>
      </c>
      <c r="J64" s="59">
        <v>-8</v>
      </c>
      <c r="K64" s="59">
        <v>-6</v>
      </c>
      <c r="L64" s="60">
        <v>2.78</v>
      </c>
      <c r="M64" s="61">
        <v>476</v>
      </c>
    </row>
    <row r="65" spans="2:13" ht="23.25" customHeight="1">
      <c r="B65" s="49"/>
      <c r="C65" s="68" t="s">
        <v>62</v>
      </c>
      <c r="D65" s="73"/>
      <c r="E65" s="57">
        <v>6329</v>
      </c>
      <c r="F65" s="58">
        <v>16970</v>
      </c>
      <c r="G65" s="59">
        <v>8449</v>
      </c>
      <c r="H65" s="59">
        <v>8521</v>
      </c>
      <c r="I65" s="59">
        <v>35</v>
      </c>
      <c r="J65" s="59">
        <v>-4</v>
      </c>
      <c r="K65" s="59">
        <v>39</v>
      </c>
      <c r="L65" s="60">
        <v>2.68</v>
      </c>
      <c r="M65" s="61">
        <v>1180</v>
      </c>
    </row>
    <row r="66" spans="2:13" ht="23.25" customHeight="1">
      <c r="B66" s="49"/>
      <c r="C66" s="68" t="s">
        <v>63</v>
      </c>
      <c r="D66" s="73"/>
      <c r="E66" s="57">
        <v>4448</v>
      </c>
      <c r="F66" s="58">
        <v>10950</v>
      </c>
      <c r="G66" s="59">
        <v>5403</v>
      </c>
      <c r="H66" s="59">
        <v>5547</v>
      </c>
      <c r="I66" s="59">
        <v>6</v>
      </c>
      <c r="J66" s="59">
        <v>-6</v>
      </c>
      <c r="K66" s="59">
        <v>12</v>
      </c>
      <c r="L66" s="60">
        <v>2.46</v>
      </c>
      <c r="M66" s="61">
        <v>290</v>
      </c>
    </row>
    <row r="67" spans="2:13" ht="23.25" customHeight="1">
      <c r="B67" s="49"/>
      <c r="C67" s="68" t="s">
        <v>64</v>
      </c>
      <c r="D67" s="73"/>
      <c r="E67" s="57">
        <v>3841</v>
      </c>
      <c r="F67" s="58">
        <v>10115</v>
      </c>
      <c r="G67" s="59">
        <v>4960</v>
      </c>
      <c r="H67" s="59">
        <v>5155</v>
      </c>
      <c r="I67" s="59">
        <v>-14</v>
      </c>
      <c r="J67" s="59">
        <v>-14</v>
      </c>
      <c r="K67" s="59">
        <v>0</v>
      </c>
      <c r="L67" s="60">
        <v>2.63</v>
      </c>
      <c r="M67" s="61">
        <v>45</v>
      </c>
    </row>
    <row r="68" spans="2:13" ht="23.25" customHeight="1">
      <c r="B68" s="49"/>
      <c r="C68" s="68" t="s">
        <v>65</v>
      </c>
      <c r="D68" s="73"/>
      <c r="E68" s="57">
        <v>6514</v>
      </c>
      <c r="F68" s="58">
        <v>17536</v>
      </c>
      <c r="G68" s="59">
        <v>8558</v>
      </c>
      <c r="H68" s="59">
        <v>8978</v>
      </c>
      <c r="I68" s="59">
        <v>12</v>
      </c>
      <c r="J68" s="59">
        <v>-3</v>
      </c>
      <c r="K68" s="59">
        <v>15</v>
      </c>
      <c r="L68" s="60">
        <v>2.69</v>
      </c>
      <c r="M68" s="61">
        <v>2677</v>
      </c>
    </row>
    <row r="69" spans="2:13" ht="23.25" customHeight="1">
      <c r="B69" s="14"/>
      <c r="C69" s="24" t="s">
        <v>66</v>
      </c>
      <c r="D69" s="15"/>
      <c r="E69" s="8">
        <v>20121</v>
      </c>
      <c r="F69" s="9">
        <v>43043</v>
      </c>
      <c r="G69" s="10">
        <v>20171</v>
      </c>
      <c r="H69" s="10">
        <v>22872</v>
      </c>
      <c r="I69" s="10">
        <v>-30</v>
      </c>
      <c r="J69" s="10">
        <v>-48</v>
      </c>
      <c r="K69" s="10">
        <v>18</v>
      </c>
      <c r="L69" s="11">
        <v>2.14</v>
      </c>
      <c r="M69" s="12">
        <v>306</v>
      </c>
    </row>
    <row r="70" spans="2:13" ht="23.25" customHeight="1">
      <c r="B70" s="49"/>
      <c r="C70" s="68" t="s">
        <v>67</v>
      </c>
      <c r="D70" s="73"/>
      <c r="E70" s="57">
        <v>6251</v>
      </c>
      <c r="F70" s="58">
        <v>11599</v>
      </c>
      <c r="G70" s="59">
        <v>5546</v>
      </c>
      <c r="H70" s="59">
        <v>6053</v>
      </c>
      <c r="I70" s="59">
        <v>5</v>
      </c>
      <c r="J70" s="59">
        <v>-15</v>
      </c>
      <c r="K70" s="59">
        <v>20</v>
      </c>
      <c r="L70" s="60">
        <v>1.86</v>
      </c>
      <c r="M70" s="61">
        <v>125</v>
      </c>
    </row>
    <row r="71" spans="2:13" ht="23.25" customHeight="1">
      <c r="B71" s="49"/>
      <c r="C71" s="68" t="s">
        <v>68</v>
      </c>
      <c r="D71" s="73"/>
      <c r="E71" s="57">
        <v>3064</v>
      </c>
      <c r="F71" s="58">
        <v>7051</v>
      </c>
      <c r="G71" s="59">
        <v>3301</v>
      </c>
      <c r="H71" s="59">
        <v>3750</v>
      </c>
      <c r="I71" s="59">
        <v>-13</v>
      </c>
      <c r="J71" s="59">
        <v>-9</v>
      </c>
      <c r="K71" s="59">
        <v>-4</v>
      </c>
      <c r="L71" s="60">
        <v>2.2999999999999998</v>
      </c>
      <c r="M71" s="61">
        <v>1000</v>
      </c>
    </row>
    <row r="72" spans="2:13" ht="23.25" customHeight="1">
      <c r="B72" s="49"/>
      <c r="C72" s="68" t="s">
        <v>83</v>
      </c>
      <c r="D72" s="73"/>
      <c r="E72" s="57">
        <v>10806</v>
      </c>
      <c r="F72" s="58">
        <v>24393</v>
      </c>
      <c r="G72" s="59">
        <v>11324</v>
      </c>
      <c r="H72" s="59">
        <v>13069</v>
      </c>
      <c r="I72" s="59">
        <v>-22</v>
      </c>
      <c r="J72" s="59">
        <v>-24</v>
      </c>
      <c r="K72" s="59">
        <v>2</v>
      </c>
      <c r="L72" s="60">
        <v>2.2599999999999998</v>
      </c>
      <c r="M72" s="61">
        <v>595</v>
      </c>
    </row>
    <row r="73" spans="2:13" ht="23.25" customHeight="1">
      <c r="B73" s="14"/>
      <c r="C73" s="24" t="s">
        <v>69</v>
      </c>
      <c r="D73" s="15"/>
      <c r="E73" s="8">
        <v>17580</v>
      </c>
      <c r="F73" s="9">
        <v>43140</v>
      </c>
      <c r="G73" s="10">
        <v>22455</v>
      </c>
      <c r="H73" s="10">
        <v>20685</v>
      </c>
      <c r="I73" s="10">
        <v>-26</v>
      </c>
      <c r="J73" s="10">
        <v>-16</v>
      </c>
      <c r="K73" s="10">
        <v>-10</v>
      </c>
      <c r="L73" s="11">
        <v>2.4500000000000002</v>
      </c>
      <c r="M73" s="12">
        <v>409</v>
      </c>
    </row>
    <row r="74" spans="2:13" ht="23.25" customHeight="1">
      <c r="B74" s="49"/>
      <c r="C74" s="68" t="s">
        <v>70</v>
      </c>
      <c r="D74" s="73"/>
      <c r="E74" s="57">
        <v>16445</v>
      </c>
      <c r="F74" s="58">
        <v>40008</v>
      </c>
      <c r="G74" s="59">
        <v>20848</v>
      </c>
      <c r="H74" s="59">
        <v>19160</v>
      </c>
      <c r="I74" s="59">
        <v>-25</v>
      </c>
      <c r="J74" s="59">
        <v>-15</v>
      </c>
      <c r="K74" s="59">
        <v>-10</v>
      </c>
      <c r="L74" s="60">
        <v>2.4300000000000002</v>
      </c>
      <c r="M74" s="61">
        <v>1167</v>
      </c>
    </row>
    <row r="75" spans="2:13" ht="23.25" customHeight="1">
      <c r="B75" s="49"/>
      <c r="C75" s="68" t="s">
        <v>71</v>
      </c>
      <c r="D75" s="73"/>
      <c r="E75" s="57">
        <v>1135</v>
      </c>
      <c r="F75" s="58">
        <v>3132</v>
      </c>
      <c r="G75" s="59">
        <v>1607</v>
      </c>
      <c r="H75" s="59">
        <v>1525</v>
      </c>
      <c r="I75" s="59">
        <v>-1</v>
      </c>
      <c r="J75" s="59">
        <v>-1</v>
      </c>
      <c r="K75" s="59">
        <v>0</v>
      </c>
      <c r="L75" s="60">
        <v>2.76</v>
      </c>
      <c r="M75" s="61">
        <v>44</v>
      </c>
    </row>
    <row r="76" spans="2:13" ht="14.25" thickBot="1">
      <c r="B76" s="74"/>
      <c r="C76" s="75"/>
      <c r="D76" s="75"/>
      <c r="E76" s="76"/>
      <c r="F76" s="77"/>
      <c r="G76" s="77"/>
      <c r="H76" s="77"/>
      <c r="I76" s="77"/>
      <c r="J76" s="77"/>
      <c r="K76" s="77"/>
      <c r="L76" s="77"/>
      <c r="M76" s="78"/>
    </row>
    <row r="77" spans="2:13">
      <c r="B77" s="25"/>
      <c r="C77" s="31"/>
      <c r="D77" s="31"/>
      <c r="E77" s="31"/>
      <c r="F77" s="31"/>
      <c r="G77" s="31"/>
      <c r="H77" s="31"/>
      <c r="I77" s="31"/>
      <c r="J77" s="31"/>
      <c r="K77" s="31"/>
      <c r="L77" s="31"/>
      <c r="M77" s="79" t="s">
        <v>80</v>
      </c>
    </row>
  </sheetData>
  <mergeCells count="2">
    <mergeCell ref="C4:C5"/>
    <mergeCell ref="E4:E5"/>
  </mergeCells>
  <phoneticPr fontId="7"/>
  <printOptions horizontalCentered="1" gridLinesSet="0"/>
  <pageMargins left="0.23622047244094491" right="0.23622047244094491" top="0.74803149606299213" bottom="0.74803149606299213" header="0.31496062992125984" footer="0.31496062992125984"/>
  <pageSetup paperSize="9" scale="78" orientation="portrait" r:id="rId1"/>
  <headerFooter alignWithMargins="0"/>
  <rowBreaks count="1" manualBreakCount="1">
    <brk id="41" min="1" max="12" man="1"/>
  </rowBreak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A1" transitionEvaluation="1"/>
  <dimension ref="B1:O77"/>
  <sheetViews>
    <sheetView view="pageBreakPreview" zoomScale="75" zoomScaleNormal="100" zoomScaleSheetLayoutView="75" workbookViewId="0"/>
  </sheetViews>
  <sheetFormatPr defaultColWidth="12.125" defaultRowHeight="13.5"/>
  <cols>
    <col min="1" max="1" width="12.125" style="80"/>
    <col min="2" max="2" width="1.625" style="80" customWidth="1"/>
    <col min="3" max="3" width="12.375" style="5" customWidth="1"/>
    <col min="4" max="4" width="1.625" style="5" customWidth="1"/>
    <col min="5" max="8" width="12.625" style="5" customWidth="1"/>
    <col min="9" max="13" width="10.625" style="5" customWidth="1"/>
    <col min="14" max="14" width="19" style="80" customWidth="1"/>
    <col min="15" max="15" width="16.75" style="80" customWidth="1"/>
    <col min="16" max="19" width="14.375" style="80" customWidth="1"/>
    <col min="20" max="16384" width="12.125" style="80"/>
  </cols>
  <sheetData>
    <row r="1" spans="2:15" ht="24">
      <c r="C1" s="81" t="s">
        <v>9</v>
      </c>
      <c r="D1" s="82"/>
      <c r="E1" s="83"/>
      <c r="F1" s="84"/>
      <c r="G1" s="84"/>
      <c r="H1" s="84"/>
      <c r="I1" s="84"/>
      <c r="J1" s="84"/>
      <c r="K1" s="84"/>
      <c r="L1" s="84"/>
      <c r="M1" s="85"/>
    </row>
    <row r="3" spans="2:15" ht="21.95" customHeight="1" thickBot="1">
      <c r="C3" s="176" t="s">
        <v>137</v>
      </c>
      <c r="D3" s="177"/>
      <c r="E3" s="178"/>
      <c r="F3" s="178"/>
      <c r="G3" s="178"/>
      <c r="H3" s="178"/>
      <c r="I3" s="178"/>
      <c r="J3" s="178"/>
      <c r="K3" s="178"/>
      <c r="L3" s="178"/>
      <c r="M3" s="179" t="s">
        <v>86</v>
      </c>
    </row>
    <row r="4" spans="2:15" ht="18" customHeight="1">
      <c r="B4" s="90"/>
      <c r="C4" s="202" t="s">
        <v>10</v>
      </c>
      <c r="D4" s="91"/>
      <c r="E4" s="204" t="s">
        <v>11</v>
      </c>
      <c r="F4" s="92" t="s">
        <v>6</v>
      </c>
      <c r="G4" s="93"/>
      <c r="H4" s="94" t="s">
        <v>7</v>
      </c>
      <c r="I4" s="95" t="s">
        <v>72</v>
      </c>
      <c r="J4" s="96"/>
      <c r="K4" s="96"/>
      <c r="L4" s="97" t="s">
        <v>0</v>
      </c>
      <c r="M4" s="98" t="s">
        <v>3</v>
      </c>
      <c r="N4" s="99"/>
    </row>
    <row r="5" spans="2:15" ht="18" customHeight="1" thickBot="1">
      <c r="B5" s="159"/>
      <c r="C5" s="212"/>
      <c r="D5" s="171"/>
      <c r="E5" s="205"/>
      <c r="F5" s="172" t="s">
        <v>12</v>
      </c>
      <c r="G5" s="172" t="s">
        <v>1</v>
      </c>
      <c r="H5" s="172" t="s">
        <v>2</v>
      </c>
      <c r="I5" s="172" t="s">
        <v>5</v>
      </c>
      <c r="J5" s="172" t="s">
        <v>13</v>
      </c>
      <c r="K5" s="172" t="s">
        <v>14</v>
      </c>
      <c r="L5" s="172" t="s">
        <v>4</v>
      </c>
      <c r="M5" s="173" t="s">
        <v>15</v>
      </c>
      <c r="N5" s="99"/>
    </row>
    <row r="6" spans="2:15" ht="18" customHeight="1">
      <c r="B6" s="104"/>
      <c r="C6" s="105"/>
      <c r="D6" s="105"/>
      <c r="E6" s="106" t="s">
        <v>8</v>
      </c>
      <c r="F6" s="107" t="s">
        <v>6</v>
      </c>
      <c r="G6" s="107" t="s">
        <v>6</v>
      </c>
      <c r="H6" s="107" t="s">
        <v>6</v>
      </c>
      <c r="I6" s="107" t="s">
        <v>6</v>
      </c>
      <c r="J6" s="107" t="s">
        <v>6</v>
      </c>
      <c r="K6" s="107" t="s">
        <v>6</v>
      </c>
      <c r="L6" s="107" t="s">
        <v>6</v>
      </c>
      <c r="M6" s="108" t="s">
        <v>6</v>
      </c>
      <c r="N6" s="99"/>
    </row>
    <row r="7" spans="2:15" ht="24" customHeight="1">
      <c r="B7" s="16"/>
      <c r="C7" s="23" t="s">
        <v>84</v>
      </c>
      <c r="D7" s="17"/>
      <c r="E7" s="18">
        <v>4112898</v>
      </c>
      <c r="F7" s="19">
        <v>9179835</v>
      </c>
      <c r="G7" s="20">
        <v>4577252</v>
      </c>
      <c r="H7" s="20">
        <v>4602583</v>
      </c>
      <c r="I7" s="20">
        <v>169</v>
      </c>
      <c r="J7" s="20">
        <v>-641</v>
      </c>
      <c r="K7" s="20">
        <v>810</v>
      </c>
      <c r="L7" s="21">
        <v>2.23</v>
      </c>
      <c r="M7" s="22">
        <v>3799</v>
      </c>
      <c r="N7" s="109"/>
    </row>
    <row r="8" spans="2:15" ht="24" customHeight="1">
      <c r="B8" s="110"/>
      <c r="C8" s="111" t="s">
        <v>85</v>
      </c>
      <c r="D8" s="112"/>
      <c r="E8" s="113">
        <v>3994013</v>
      </c>
      <c r="F8" s="114">
        <v>8889872</v>
      </c>
      <c r="G8" s="115">
        <v>4434599</v>
      </c>
      <c r="H8" s="115">
        <v>4455273</v>
      </c>
      <c r="I8" s="115">
        <v>71</v>
      </c>
      <c r="J8" s="115">
        <v>-539</v>
      </c>
      <c r="K8" s="115">
        <v>610</v>
      </c>
      <c r="L8" s="116">
        <v>2.23</v>
      </c>
      <c r="M8" s="117">
        <v>4912</v>
      </c>
      <c r="N8" s="109"/>
    </row>
    <row r="9" spans="2:15" ht="24" customHeight="1">
      <c r="B9" s="110"/>
      <c r="C9" s="111" t="s">
        <v>16</v>
      </c>
      <c r="D9" s="112"/>
      <c r="E9" s="113">
        <v>118885</v>
      </c>
      <c r="F9" s="114">
        <v>289963</v>
      </c>
      <c r="G9" s="115">
        <v>142653</v>
      </c>
      <c r="H9" s="115">
        <v>147310</v>
      </c>
      <c r="I9" s="115">
        <v>98</v>
      </c>
      <c r="J9" s="115">
        <v>-102</v>
      </c>
      <c r="K9" s="115">
        <v>200</v>
      </c>
      <c r="L9" s="116">
        <v>2.44</v>
      </c>
      <c r="M9" s="117">
        <v>478</v>
      </c>
      <c r="N9" s="109"/>
    </row>
    <row r="10" spans="2:15" ht="24" customHeight="1">
      <c r="B10" s="110"/>
      <c r="C10" s="118"/>
      <c r="D10" s="118"/>
      <c r="E10" s="119"/>
      <c r="F10" s="120"/>
      <c r="G10" s="121"/>
      <c r="H10" s="121"/>
      <c r="I10" s="121"/>
      <c r="J10" s="121"/>
      <c r="K10" s="121"/>
      <c r="L10" s="122"/>
      <c r="M10" s="123"/>
      <c r="N10" s="109"/>
    </row>
    <row r="11" spans="2:15" ht="24" customHeight="1">
      <c r="B11" s="124"/>
      <c r="C11" s="24" t="s">
        <v>17</v>
      </c>
      <c r="D11" s="7"/>
      <c r="E11" s="8">
        <v>1690932</v>
      </c>
      <c r="F11" s="9">
        <v>3740172</v>
      </c>
      <c r="G11" s="10">
        <v>1858663</v>
      </c>
      <c r="H11" s="10">
        <v>1881509</v>
      </c>
      <c r="I11" s="10">
        <v>-195</v>
      </c>
      <c r="J11" s="10">
        <v>-230</v>
      </c>
      <c r="K11" s="10">
        <v>35</v>
      </c>
      <c r="L11" s="11">
        <v>2.21</v>
      </c>
      <c r="M11" s="12">
        <v>8548</v>
      </c>
      <c r="N11" s="109"/>
    </row>
    <row r="12" spans="2:15" ht="24" customHeight="1">
      <c r="B12" s="110"/>
      <c r="C12" s="125" t="s">
        <v>18</v>
      </c>
      <c r="D12" s="112"/>
      <c r="E12" s="113">
        <v>137834</v>
      </c>
      <c r="F12" s="114">
        <v>290860</v>
      </c>
      <c r="G12" s="115">
        <v>150178</v>
      </c>
      <c r="H12" s="115">
        <v>140682</v>
      </c>
      <c r="I12" s="115">
        <v>-108</v>
      </c>
      <c r="J12" s="115">
        <v>-6</v>
      </c>
      <c r="K12" s="115">
        <v>-102</v>
      </c>
      <c r="L12" s="116">
        <v>2.11</v>
      </c>
      <c r="M12" s="117">
        <v>8753</v>
      </c>
      <c r="N12" s="109"/>
    </row>
    <row r="13" spans="2:15" ht="24" customHeight="1">
      <c r="B13" s="110"/>
      <c r="C13" s="126" t="s">
        <v>75</v>
      </c>
      <c r="D13" s="112"/>
      <c r="E13" s="113">
        <v>124197</v>
      </c>
      <c r="F13" s="114">
        <v>243416</v>
      </c>
      <c r="G13" s="115">
        <v>123541</v>
      </c>
      <c r="H13" s="115">
        <v>119875</v>
      </c>
      <c r="I13" s="115">
        <v>17</v>
      </c>
      <c r="J13" s="115">
        <v>17</v>
      </c>
      <c r="K13" s="115">
        <v>0</v>
      </c>
      <c r="L13" s="116">
        <v>1.96</v>
      </c>
      <c r="M13" s="117">
        <v>10258</v>
      </c>
      <c r="N13" s="109"/>
    </row>
    <row r="14" spans="2:15" ht="24" customHeight="1">
      <c r="B14" s="110"/>
      <c r="C14" s="125" t="s">
        <v>19</v>
      </c>
      <c r="D14" s="112"/>
      <c r="E14" s="113">
        <v>54455</v>
      </c>
      <c r="F14" s="114">
        <v>102141</v>
      </c>
      <c r="G14" s="115">
        <v>51703</v>
      </c>
      <c r="H14" s="115">
        <v>50438</v>
      </c>
      <c r="I14" s="115">
        <v>150</v>
      </c>
      <c r="J14" s="115">
        <v>16</v>
      </c>
      <c r="K14" s="115">
        <v>134</v>
      </c>
      <c r="L14" s="116">
        <v>1.88</v>
      </c>
      <c r="M14" s="117">
        <v>14529</v>
      </c>
      <c r="N14" s="109"/>
      <c r="O14" s="4"/>
    </row>
    <row r="15" spans="2:15" ht="24" customHeight="1">
      <c r="B15" s="110"/>
      <c r="C15" s="125" t="s">
        <v>20</v>
      </c>
      <c r="D15" s="112"/>
      <c r="E15" s="113">
        <v>80291</v>
      </c>
      <c r="F15" s="114">
        <v>149036</v>
      </c>
      <c r="G15" s="115">
        <v>78280</v>
      </c>
      <c r="H15" s="115">
        <v>70756</v>
      </c>
      <c r="I15" s="115">
        <v>24</v>
      </c>
      <c r="J15" s="115">
        <v>-38</v>
      </c>
      <c r="K15" s="115">
        <v>62</v>
      </c>
      <c r="L15" s="116">
        <v>1.86</v>
      </c>
      <c r="M15" s="117">
        <v>7004</v>
      </c>
      <c r="N15" s="109"/>
    </row>
    <row r="16" spans="2:15" ht="24" customHeight="1">
      <c r="B16" s="110"/>
      <c r="C16" s="125" t="s">
        <v>21</v>
      </c>
      <c r="D16" s="112"/>
      <c r="E16" s="113">
        <v>98535</v>
      </c>
      <c r="F16" s="114">
        <v>195225</v>
      </c>
      <c r="G16" s="115">
        <v>97149</v>
      </c>
      <c r="H16" s="115">
        <v>98076</v>
      </c>
      <c r="I16" s="115">
        <v>-119</v>
      </c>
      <c r="J16" s="115">
        <v>-52</v>
      </c>
      <c r="K16" s="115">
        <v>-67</v>
      </c>
      <c r="L16" s="116">
        <v>1.98</v>
      </c>
      <c r="M16" s="117">
        <v>15433</v>
      </c>
      <c r="N16" s="109"/>
    </row>
    <row r="17" spans="2:14" ht="24" customHeight="1">
      <c r="B17" s="110"/>
      <c r="C17" s="125" t="s">
        <v>22</v>
      </c>
      <c r="D17" s="112"/>
      <c r="E17" s="113">
        <v>92972</v>
      </c>
      <c r="F17" s="114">
        <v>213952</v>
      </c>
      <c r="G17" s="115">
        <v>104964</v>
      </c>
      <c r="H17" s="115">
        <v>108988</v>
      </c>
      <c r="I17" s="115">
        <v>-37</v>
      </c>
      <c r="J17" s="115">
        <v>-38</v>
      </c>
      <c r="K17" s="115">
        <v>1</v>
      </c>
      <c r="L17" s="116">
        <v>2.2999999999999998</v>
      </c>
      <c r="M17" s="117">
        <v>10751</v>
      </c>
      <c r="N17" s="109"/>
    </row>
    <row r="18" spans="2:14" ht="24" customHeight="1">
      <c r="B18" s="110"/>
      <c r="C18" s="126" t="s">
        <v>76</v>
      </c>
      <c r="D18" s="127"/>
      <c r="E18" s="113">
        <v>95102</v>
      </c>
      <c r="F18" s="114">
        <v>205568</v>
      </c>
      <c r="G18" s="115">
        <v>102276</v>
      </c>
      <c r="H18" s="115">
        <v>103292</v>
      </c>
      <c r="I18" s="115">
        <v>-65</v>
      </c>
      <c r="J18" s="115">
        <v>-25</v>
      </c>
      <c r="K18" s="115">
        <v>-40</v>
      </c>
      <c r="L18" s="116">
        <v>2.16</v>
      </c>
      <c r="M18" s="117">
        <v>9374</v>
      </c>
      <c r="N18" s="109"/>
    </row>
    <row r="19" spans="2:14" ht="24" customHeight="1">
      <c r="B19" s="110"/>
      <c r="C19" s="125" t="s">
        <v>23</v>
      </c>
      <c r="D19" s="112"/>
      <c r="E19" s="113">
        <v>105219</v>
      </c>
      <c r="F19" s="114">
        <v>245747</v>
      </c>
      <c r="G19" s="115">
        <v>119046</v>
      </c>
      <c r="H19" s="115">
        <v>126701</v>
      </c>
      <c r="I19" s="115">
        <v>-46</v>
      </c>
      <c r="J19" s="115">
        <v>-57</v>
      </c>
      <c r="K19" s="115">
        <v>11</v>
      </c>
      <c r="L19" s="116">
        <v>2.34</v>
      </c>
      <c r="M19" s="117">
        <v>7508</v>
      </c>
      <c r="N19" s="109"/>
    </row>
    <row r="20" spans="2:14" ht="24" customHeight="1">
      <c r="B20" s="110"/>
      <c r="C20" s="125" t="s">
        <v>24</v>
      </c>
      <c r="D20" s="112"/>
      <c r="E20" s="113">
        <v>76453</v>
      </c>
      <c r="F20" s="114">
        <v>166657</v>
      </c>
      <c r="G20" s="115">
        <v>81904</v>
      </c>
      <c r="H20" s="115">
        <v>84753</v>
      </c>
      <c r="I20" s="115">
        <v>19</v>
      </c>
      <c r="J20" s="115">
        <v>-7</v>
      </c>
      <c r="K20" s="115">
        <v>26</v>
      </c>
      <c r="L20" s="116">
        <v>2.1800000000000002</v>
      </c>
      <c r="M20" s="117">
        <v>8748</v>
      </c>
      <c r="N20" s="109"/>
    </row>
    <row r="21" spans="2:14" ht="24" customHeight="1">
      <c r="B21" s="110"/>
      <c r="C21" s="125" t="s">
        <v>25</v>
      </c>
      <c r="D21" s="112"/>
      <c r="E21" s="113">
        <v>88274</v>
      </c>
      <c r="F21" s="114">
        <v>199558</v>
      </c>
      <c r="G21" s="115">
        <v>97631</v>
      </c>
      <c r="H21" s="115">
        <v>101927</v>
      </c>
      <c r="I21" s="115">
        <v>-126</v>
      </c>
      <c r="J21" s="115">
        <v>-68</v>
      </c>
      <c r="K21" s="115">
        <v>-58</v>
      </c>
      <c r="L21" s="116">
        <v>2.2599999999999998</v>
      </c>
      <c r="M21" s="117">
        <v>6446</v>
      </c>
      <c r="N21" s="109"/>
    </row>
    <row r="22" spans="2:14" ht="24" customHeight="1">
      <c r="B22" s="110"/>
      <c r="C22" s="125" t="s">
        <v>26</v>
      </c>
      <c r="D22" s="112"/>
      <c r="E22" s="113">
        <v>168470</v>
      </c>
      <c r="F22" s="114">
        <v>351111</v>
      </c>
      <c r="G22" s="115">
        <v>177459</v>
      </c>
      <c r="H22" s="115">
        <v>173652</v>
      </c>
      <c r="I22" s="115">
        <v>252</v>
      </c>
      <c r="J22" s="115">
        <v>110</v>
      </c>
      <c r="K22" s="115">
        <v>142</v>
      </c>
      <c r="L22" s="116">
        <v>2.08</v>
      </c>
      <c r="M22" s="117">
        <v>11182</v>
      </c>
      <c r="N22" s="109"/>
    </row>
    <row r="23" spans="2:14" ht="24" customHeight="1">
      <c r="B23" s="110"/>
      <c r="C23" s="125" t="s">
        <v>27</v>
      </c>
      <c r="D23" s="112"/>
      <c r="E23" s="113">
        <v>76855</v>
      </c>
      <c r="F23" s="114">
        <v>181523</v>
      </c>
      <c r="G23" s="115">
        <v>89370</v>
      </c>
      <c r="H23" s="115">
        <v>92153</v>
      </c>
      <c r="I23" s="115">
        <v>36</v>
      </c>
      <c r="J23" s="115">
        <v>-3</v>
      </c>
      <c r="K23" s="115">
        <v>39</v>
      </c>
      <c r="L23" s="116">
        <v>2.36</v>
      </c>
      <c r="M23" s="117">
        <v>7116</v>
      </c>
      <c r="N23" s="109"/>
    </row>
    <row r="24" spans="2:14" ht="24" customHeight="1">
      <c r="B24" s="110"/>
      <c r="C24" s="125" t="s">
        <v>28</v>
      </c>
      <c r="D24" s="112"/>
      <c r="E24" s="113">
        <v>128098</v>
      </c>
      <c r="F24" s="114">
        <v>309626</v>
      </c>
      <c r="G24" s="115">
        <v>150520</v>
      </c>
      <c r="H24" s="115">
        <v>159106</v>
      </c>
      <c r="I24" s="115">
        <v>42</v>
      </c>
      <c r="J24" s="115">
        <v>24</v>
      </c>
      <c r="K24" s="115">
        <v>18</v>
      </c>
      <c r="L24" s="116">
        <v>2.42</v>
      </c>
      <c r="M24" s="117">
        <v>8791</v>
      </c>
      <c r="N24" s="109"/>
    </row>
    <row r="25" spans="2:14" ht="24" customHeight="1">
      <c r="B25" s="110"/>
      <c r="C25" s="125" t="s">
        <v>29</v>
      </c>
      <c r="D25" s="112"/>
      <c r="E25" s="113">
        <v>82318</v>
      </c>
      <c r="F25" s="114">
        <v>211383</v>
      </c>
      <c r="G25" s="115">
        <v>105277</v>
      </c>
      <c r="H25" s="115">
        <v>106106</v>
      </c>
      <c r="I25" s="115">
        <v>-30</v>
      </c>
      <c r="J25" s="115">
        <v>18</v>
      </c>
      <c r="K25" s="115">
        <v>-48</v>
      </c>
      <c r="L25" s="116">
        <v>2.57</v>
      </c>
      <c r="M25" s="117">
        <v>7585</v>
      </c>
      <c r="N25" s="109"/>
    </row>
    <row r="26" spans="2:14" ht="24" customHeight="1">
      <c r="B26" s="110"/>
      <c r="C26" s="125" t="s">
        <v>30</v>
      </c>
      <c r="D26" s="112"/>
      <c r="E26" s="113">
        <v>117774</v>
      </c>
      <c r="F26" s="114">
        <v>278975</v>
      </c>
      <c r="G26" s="115">
        <v>136556</v>
      </c>
      <c r="H26" s="115">
        <v>142419</v>
      </c>
      <c r="I26" s="115">
        <v>185</v>
      </c>
      <c r="J26" s="115">
        <v>-35</v>
      </c>
      <c r="K26" s="115">
        <v>220</v>
      </c>
      <c r="L26" s="116">
        <v>2.37</v>
      </c>
      <c r="M26" s="117">
        <v>7795</v>
      </c>
      <c r="N26" s="109"/>
    </row>
    <row r="27" spans="2:14" ht="24" customHeight="1">
      <c r="B27" s="110"/>
      <c r="C27" s="125" t="s">
        <v>31</v>
      </c>
      <c r="D27" s="112"/>
      <c r="E27" s="113">
        <v>51115</v>
      </c>
      <c r="F27" s="114">
        <v>120107</v>
      </c>
      <c r="G27" s="115">
        <v>58462</v>
      </c>
      <c r="H27" s="115">
        <v>61645</v>
      </c>
      <c r="I27" s="115">
        <v>-283</v>
      </c>
      <c r="J27" s="115">
        <v>-27</v>
      </c>
      <c r="K27" s="115">
        <v>-256</v>
      </c>
      <c r="L27" s="116">
        <v>2.35</v>
      </c>
      <c r="M27" s="117">
        <v>6485</v>
      </c>
      <c r="N27" s="109"/>
    </row>
    <row r="28" spans="2:14" ht="24" customHeight="1">
      <c r="B28" s="110"/>
      <c r="C28" s="125" t="s">
        <v>32</v>
      </c>
      <c r="D28" s="112"/>
      <c r="E28" s="113">
        <v>61844</v>
      </c>
      <c r="F28" s="114">
        <v>152459</v>
      </c>
      <c r="G28" s="115">
        <v>74470</v>
      </c>
      <c r="H28" s="115">
        <v>77989</v>
      </c>
      <c r="I28" s="115">
        <v>-111</v>
      </c>
      <c r="J28" s="115">
        <v>-41</v>
      </c>
      <c r="K28" s="115">
        <v>-70</v>
      </c>
      <c r="L28" s="116">
        <v>2.4700000000000002</v>
      </c>
      <c r="M28" s="117">
        <v>6466</v>
      </c>
      <c r="N28" s="109"/>
    </row>
    <row r="29" spans="2:14" ht="24" customHeight="1">
      <c r="B29" s="110"/>
      <c r="C29" s="125" t="s">
        <v>33</v>
      </c>
      <c r="D29" s="112"/>
      <c r="E29" s="113">
        <v>51126</v>
      </c>
      <c r="F29" s="114">
        <v>122828</v>
      </c>
      <c r="G29" s="115">
        <v>59877</v>
      </c>
      <c r="H29" s="115">
        <v>62951</v>
      </c>
      <c r="I29" s="115">
        <v>5</v>
      </c>
      <c r="J29" s="115">
        <v>-18</v>
      </c>
      <c r="K29" s="115">
        <v>23</v>
      </c>
      <c r="L29" s="116">
        <v>2.4</v>
      </c>
      <c r="M29" s="117">
        <v>7154</v>
      </c>
      <c r="N29" s="109"/>
    </row>
    <row r="30" spans="2:14" ht="24" customHeight="1">
      <c r="B30" s="124"/>
      <c r="C30" s="24" t="s">
        <v>34</v>
      </c>
      <c r="D30" s="7"/>
      <c r="E30" s="8">
        <v>727578</v>
      </c>
      <c r="F30" s="9">
        <v>1516483</v>
      </c>
      <c r="G30" s="10">
        <v>767990</v>
      </c>
      <c r="H30" s="10">
        <v>748493</v>
      </c>
      <c r="I30" s="10">
        <v>143</v>
      </c>
      <c r="J30" s="10">
        <v>253</v>
      </c>
      <c r="K30" s="10">
        <v>-110</v>
      </c>
      <c r="L30" s="11">
        <v>2.08</v>
      </c>
      <c r="M30" s="12">
        <v>10604</v>
      </c>
      <c r="N30" s="109"/>
    </row>
    <row r="31" spans="2:14" ht="24" customHeight="1">
      <c r="B31" s="110"/>
      <c r="C31" s="125" t="s">
        <v>35</v>
      </c>
      <c r="D31" s="112"/>
      <c r="E31" s="113">
        <v>118190</v>
      </c>
      <c r="F31" s="114">
        <v>231530</v>
      </c>
      <c r="G31" s="115">
        <v>124447</v>
      </c>
      <c r="H31" s="115">
        <v>107083</v>
      </c>
      <c r="I31" s="115">
        <v>-17</v>
      </c>
      <c r="J31" s="115">
        <v>-45</v>
      </c>
      <c r="K31" s="115">
        <v>28</v>
      </c>
      <c r="L31" s="116">
        <v>1.96</v>
      </c>
      <c r="M31" s="117">
        <v>5857</v>
      </c>
      <c r="N31" s="109"/>
    </row>
    <row r="32" spans="2:14" ht="24" customHeight="1">
      <c r="B32" s="110"/>
      <c r="C32" s="125" t="s">
        <v>77</v>
      </c>
      <c r="D32" s="112"/>
      <c r="E32" s="113">
        <v>79522</v>
      </c>
      <c r="F32" s="114">
        <v>167206</v>
      </c>
      <c r="G32" s="115">
        <v>84350</v>
      </c>
      <c r="H32" s="115">
        <v>82856</v>
      </c>
      <c r="I32" s="115">
        <v>48</v>
      </c>
      <c r="J32" s="115">
        <v>26</v>
      </c>
      <c r="K32" s="115">
        <v>22</v>
      </c>
      <c r="L32" s="116">
        <v>2.1</v>
      </c>
      <c r="M32" s="117">
        <v>16704</v>
      </c>
      <c r="N32" s="109"/>
    </row>
    <row r="33" spans="2:14" ht="24" customHeight="1">
      <c r="B33" s="110"/>
      <c r="C33" s="125" t="s">
        <v>36</v>
      </c>
      <c r="D33" s="112"/>
      <c r="E33" s="113">
        <v>130496</v>
      </c>
      <c r="F33" s="114">
        <v>258119</v>
      </c>
      <c r="G33" s="115">
        <v>131659</v>
      </c>
      <c r="H33" s="115">
        <v>126460</v>
      </c>
      <c r="I33" s="115">
        <v>67</v>
      </c>
      <c r="J33" s="115">
        <v>100</v>
      </c>
      <c r="K33" s="115">
        <v>-33</v>
      </c>
      <c r="L33" s="116">
        <v>1.98</v>
      </c>
      <c r="M33" s="117">
        <v>17511</v>
      </c>
      <c r="N33" s="109"/>
    </row>
    <row r="34" spans="2:14" ht="24" customHeight="1">
      <c r="B34" s="110"/>
      <c r="C34" s="125" t="s">
        <v>78</v>
      </c>
      <c r="D34" s="112"/>
      <c r="E34" s="113">
        <v>111495</v>
      </c>
      <c r="F34" s="114">
        <v>231808</v>
      </c>
      <c r="G34" s="115">
        <v>116432</v>
      </c>
      <c r="H34" s="115">
        <v>115376</v>
      </c>
      <c r="I34" s="115">
        <v>-33</v>
      </c>
      <c r="J34" s="115">
        <v>62</v>
      </c>
      <c r="K34" s="115">
        <v>-95</v>
      </c>
      <c r="L34" s="116">
        <v>2.08</v>
      </c>
      <c r="M34" s="117">
        <v>14169</v>
      </c>
      <c r="N34" s="109"/>
    </row>
    <row r="35" spans="2:14" ht="24" customHeight="1">
      <c r="B35" s="110"/>
      <c r="C35" s="125" t="s">
        <v>37</v>
      </c>
      <c r="D35" s="112"/>
      <c r="E35" s="113">
        <v>99301</v>
      </c>
      <c r="F35" s="114">
        <v>231131</v>
      </c>
      <c r="G35" s="115">
        <v>113022</v>
      </c>
      <c r="H35" s="115">
        <v>118109</v>
      </c>
      <c r="I35" s="115">
        <v>-81</v>
      </c>
      <c r="J35" s="115">
        <v>49</v>
      </c>
      <c r="K35" s="115">
        <v>-130</v>
      </c>
      <c r="L35" s="116">
        <v>2.33</v>
      </c>
      <c r="M35" s="117">
        <v>12420</v>
      </c>
      <c r="N35" s="109"/>
    </row>
    <row r="36" spans="2:14" ht="24" customHeight="1">
      <c r="B36" s="110"/>
      <c r="C36" s="125" t="s">
        <v>38</v>
      </c>
      <c r="D36" s="112"/>
      <c r="E36" s="113">
        <v>111280</v>
      </c>
      <c r="F36" s="114">
        <v>217941</v>
      </c>
      <c r="G36" s="115">
        <v>111427</v>
      </c>
      <c r="H36" s="115">
        <v>106514</v>
      </c>
      <c r="I36" s="115">
        <v>57</v>
      </c>
      <c r="J36" s="115">
        <v>51</v>
      </c>
      <c r="K36" s="115">
        <v>6</v>
      </c>
      <c r="L36" s="116">
        <v>1.96</v>
      </c>
      <c r="M36" s="117">
        <v>10631</v>
      </c>
      <c r="N36" s="109"/>
    </row>
    <row r="37" spans="2:14" ht="24" customHeight="1">
      <c r="B37" s="110"/>
      <c r="C37" s="125" t="s">
        <v>39</v>
      </c>
      <c r="D37" s="112"/>
      <c r="E37" s="113">
        <v>77294</v>
      </c>
      <c r="F37" s="114">
        <v>178748</v>
      </c>
      <c r="G37" s="115">
        <v>86653</v>
      </c>
      <c r="H37" s="115">
        <v>92095</v>
      </c>
      <c r="I37" s="115">
        <v>102</v>
      </c>
      <c r="J37" s="115">
        <v>10</v>
      </c>
      <c r="K37" s="115">
        <v>92</v>
      </c>
      <c r="L37" s="116">
        <v>2.31</v>
      </c>
      <c r="M37" s="117">
        <v>7688</v>
      </c>
      <c r="N37" s="109"/>
    </row>
    <row r="38" spans="2:14" ht="24" customHeight="1">
      <c r="B38" s="124"/>
      <c r="C38" s="24" t="s">
        <v>47</v>
      </c>
      <c r="D38" s="13"/>
      <c r="E38" s="8">
        <v>322967</v>
      </c>
      <c r="F38" s="9">
        <v>723012</v>
      </c>
      <c r="G38" s="10">
        <v>361696</v>
      </c>
      <c r="H38" s="10">
        <v>361316</v>
      </c>
      <c r="I38" s="10">
        <v>133</v>
      </c>
      <c r="J38" s="10">
        <v>-44</v>
      </c>
      <c r="K38" s="10">
        <v>177</v>
      </c>
      <c r="L38" s="11">
        <v>2.2400000000000002</v>
      </c>
      <c r="M38" s="12">
        <v>2198</v>
      </c>
      <c r="N38" s="109"/>
    </row>
    <row r="39" spans="2:14" ht="24" customHeight="1">
      <c r="B39" s="110"/>
      <c r="C39" s="125" t="s">
        <v>73</v>
      </c>
      <c r="D39" s="128"/>
      <c r="E39" s="113">
        <v>73442</v>
      </c>
      <c r="F39" s="114">
        <v>171919</v>
      </c>
      <c r="G39" s="115">
        <v>86650</v>
      </c>
      <c r="H39" s="115">
        <v>85269</v>
      </c>
      <c r="I39" s="115">
        <v>78</v>
      </c>
      <c r="J39" s="115">
        <v>-17</v>
      </c>
      <c r="K39" s="115">
        <v>95</v>
      </c>
      <c r="L39" s="116">
        <v>2.34</v>
      </c>
      <c r="M39" s="117">
        <v>677</v>
      </c>
      <c r="N39" s="109"/>
    </row>
    <row r="40" spans="2:14" ht="24" customHeight="1">
      <c r="B40" s="110"/>
      <c r="C40" s="125" t="s">
        <v>79</v>
      </c>
      <c r="D40" s="112"/>
      <c r="E40" s="113">
        <v>121125</v>
      </c>
      <c r="F40" s="114">
        <v>271873</v>
      </c>
      <c r="G40" s="115">
        <v>136596</v>
      </c>
      <c r="H40" s="115">
        <v>135277</v>
      </c>
      <c r="I40" s="115">
        <v>135</v>
      </c>
      <c r="J40" s="115">
        <v>13</v>
      </c>
      <c r="K40" s="115">
        <v>122</v>
      </c>
      <c r="L40" s="116">
        <v>2.2400000000000002</v>
      </c>
      <c r="M40" s="117">
        <v>7374</v>
      </c>
      <c r="N40" s="109"/>
    </row>
    <row r="41" spans="2:14" ht="24" customHeight="1">
      <c r="B41" s="110"/>
      <c r="C41" s="125" t="s">
        <v>74</v>
      </c>
      <c r="D41" s="112"/>
      <c r="E41" s="113">
        <v>128400</v>
      </c>
      <c r="F41" s="114">
        <v>279220</v>
      </c>
      <c r="G41" s="115">
        <v>138450</v>
      </c>
      <c r="H41" s="115">
        <v>140770</v>
      </c>
      <c r="I41" s="115">
        <v>-80</v>
      </c>
      <c r="J41" s="115">
        <v>-40</v>
      </c>
      <c r="K41" s="115">
        <v>-40</v>
      </c>
      <c r="L41" s="116">
        <v>2.17</v>
      </c>
      <c r="M41" s="117">
        <v>7327</v>
      </c>
      <c r="N41" s="109"/>
    </row>
    <row r="42" spans="2:14" ht="23.25" customHeight="1">
      <c r="B42" s="110"/>
      <c r="C42" s="125" t="s">
        <v>40</v>
      </c>
      <c r="D42" s="129"/>
      <c r="E42" s="113">
        <v>167266</v>
      </c>
      <c r="F42" s="114">
        <v>397618</v>
      </c>
      <c r="G42" s="115">
        <v>198455</v>
      </c>
      <c r="H42" s="115">
        <v>199163</v>
      </c>
      <c r="I42" s="115">
        <v>-319</v>
      </c>
      <c r="J42" s="115">
        <v>-169</v>
      </c>
      <c r="K42" s="115">
        <v>-150</v>
      </c>
      <c r="L42" s="116">
        <v>2.38</v>
      </c>
      <c r="M42" s="117">
        <v>3944</v>
      </c>
      <c r="N42" s="99"/>
    </row>
    <row r="43" spans="2:14" ht="23.25" customHeight="1">
      <c r="B43" s="110"/>
      <c r="C43" s="125" t="s">
        <v>41</v>
      </c>
      <c r="D43" s="129"/>
      <c r="E43" s="113">
        <v>110984</v>
      </c>
      <c r="F43" s="114">
        <v>258004</v>
      </c>
      <c r="G43" s="115">
        <v>129298</v>
      </c>
      <c r="H43" s="115">
        <v>128706</v>
      </c>
      <c r="I43" s="115">
        <v>30</v>
      </c>
      <c r="J43" s="115">
        <v>-60</v>
      </c>
      <c r="K43" s="115">
        <v>90</v>
      </c>
      <c r="L43" s="116">
        <v>2.3199999999999998</v>
      </c>
      <c r="M43" s="117">
        <v>3804</v>
      </c>
    </row>
    <row r="44" spans="2:14" ht="23.25" customHeight="1">
      <c r="B44" s="110"/>
      <c r="C44" s="125" t="s">
        <v>42</v>
      </c>
      <c r="D44" s="129"/>
      <c r="E44" s="113">
        <v>74287</v>
      </c>
      <c r="F44" s="114">
        <v>172306</v>
      </c>
      <c r="G44" s="115">
        <v>81040</v>
      </c>
      <c r="H44" s="115">
        <v>91266</v>
      </c>
      <c r="I44" s="115">
        <v>-62</v>
      </c>
      <c r="J44" s="115">
        <v>-73</v>
      </c>
      <c r="K44" s="115">
        <v>11</v>
      </c>
      <c r="L44" s="116">
        <v>2.3199999999999998</v>
      </c>
      <c r="M44" s="117">
        <v>4343</v>
      </c>
    </row>
    <row r="45" spans="2:14" ht="23.25" customHeight="1">
      <c r="B45" s="110"/>
      <c r="C45" s="125" t="s">
        <v>43</v>
      </c>
      <c r="D45" s="129"/>
      <c r="E45" s="113">
        <v>187737</v>
      </c>
      <c r="F45" s="114">
        <v>431286</v>
      </c>
      <c r="G45" s="115">
        <v>213192</v>
      </c>
      <c r="H45" s="115">
        <v>218094</v>
      </c>
      <c r="I45" s="115">
        <v>402</v>
      </c>
      <c r="J45" s="115">
        <v>10</v>
      </c>
      <c r="K45" s="115">
        <v>392</v>
      </c>
      <c r="L45" s="116">
        <v>2.2999999999999998</v>
      </c>
      <c r="M45" s="117">
        <v>6199</v>
      </c>
    </row>
    <row r="46" spans="2:14" ht="23.25" customHeight="1">
      <c r="B46" s="104"/>
      <c r="C46" s="125" t="s">
        <v>44</v>
      </c>
      <c r="D46" s="129"/>
      <c r="E46" s="113">
        <v>81087</v>
      </c>
      <c r="F46" s="114">
        <v>191181</v>
      </c>
      <c r="G46" s="115">
        <v>93047</v>
      </c>
      <c r="H46" s="115">
        <v>98134</v>
      </c>
      <c r="I46" s="115">
        <v>-5</v>
      </c>
      <c r="J46" s="115">
        <v>-61</v>
      </c>
      <c r="K46" s="115">
        <v>56</v>
      </c>
      <c r="L46" s="116">
        <v>2.36</v>
      </c>
      <c r="M46" s="117">
        <v>1680</v>
      </c>
    </row>
    <row r="47" spans="2:14" ht="23.25" customHeight="1">
      <c r="B47" s="104"/>
      <c r="C47" s="125" t="s">
        <v>45</v>
      </c>
      <c r="D47" s="130"/>
      <c r="E47" s="113">
        <v>101862</v>
      </c>
      <c r="F47" s="114">
        <v>242003</v>
      </c>
      <c r="G47" s="115">
        <v>117872</v>
      </c>
      <c r="H47" s="115">
        <v>124131</v>
      </c>
      <c r="I47" s="115">
        <v>0</v>
      </c>
      <c r="J47" s="115">
        <v>-22</v>
      </c>
      <c r="K47" s="115">
        <v>22</v>
      </c>
      <c r="L47" s="116">
        <v>2.38</v>
      </c>
      <c r="M47" s="117">
        <v>6779</v>
      </c>
    </row>
    <row r="48" spans="2:14" ht="23.25" customHeight="1">
      <c r="B48" s="104"/>
      <c r="C48" s="125" t="s">
        <v>46</v>
      </c>
      <c r="D48" s="130"/>
      <c r="E48" s="113">
        <v>24567</v>
      </c>
      <c r="F48" s="114">
        <v>57125</v>
      </c>
      <c r="G48" s="115">
        <v>26697</v>
      </c>
      <c r="H48" s="115">
        <v>30428</v>
      </c>
      <c r="I48" s="115">
        <v>-54</v>
      </c>
      <c r="J48" s="115">
        <v>-23</v>
      </c>
      <c r="K48" s="115">
        <v>-31</v>
      </c>
      <c r="L48" s="116">
        <v>2.33</v>
      </c>
      <c r="M48" s="117">
        <v>3306</v>
      </c>
    </row>
    <row r="49" spans="2:13" ht="23.25" customHeight="1">
      <c r="B49" s="104"/>
      <c r="C49" s="125" t="s">
        <v>48</v>
      </c>
      <c r="D49" s="130"/>
      <c r="E49" s="113">
        <v>17482</v>
      </c>
      <c r="F49" s="114">
        <v>43163</v>
      </c>
      <c r="G49" s="115">
        <v>20713</v>
      </c>
      <c r="H49" s="115">
        <v>22450</v>
      </c>
      <c r="I49" s="115">
        <v>-58</v>
      </c>
      <c r="J49" s="115">
        <v>-24</v>
      </c>
      <c r="K49" s="115">
        <v>-34</v>
      </c>
      <c r="L49" s="116">
        <v>2.4700000000000002</v>
      </c>
      <c r="M49" s="117">
        <v>1347</v>
      </c>
    </row>
    <row r="50" spans="2:13" ht="23.25" customHeight="1">
      <c r="B50" s="104"/>
      <c r="C50" s="125" t="s">
        <v>49</v>
      </c>
      <c r="D50" s="130"/>
      <c r="E50" s="113">
        <v>71324</v>
      </c>
      <c r="F50" s="114">
        <v>165393</v>
      </c>
      <c r="G50" s="115">
        <v>84626</v>
      </c>
      <c r="H50" s="115">
        <v>80767</v>
      </c>
      <c r="I50" s="115">
        <v>-45</v>
      </c>
      <c r="J50" s="115">
        <v>-38</v>
      </c>
      <c r="K50" s="115">
        <v>-7</v>
      </c>
      <c r="L50" s="116">
        <v>2.3199999999999998</v>
      </c>
      <c r="M50" s="117">
        <v>1594</v>
      </c>
    </row>
    <row r="51" spans="2:13" ht="23.25" customHeight="1">
      <c r="B51" s="104"/>
      <c r="C51" s="125" t="s">
        <v>50</v>
      </c>
      <c r="D51" s="130"/>
      <c r="E51" s="113">
        <v>99336</v>
      </c>
      <c r="F51" s="114">
        <v>225204</v>
      </c>
      <c r="G51" s="115">
        <v>116487</v>
      </c>
      <c r="H51" s="115">
        <v>108717</v>
      </c>
      <c r="I51" s="115">
        <v>-136</v>
      </c>
      <c r="J51" s="115">
        <v>-32</v>
      </c>
      <c r="K51" s="115">
        <v>-104</v>
      </c>
      <c r="L51" s="116">
        <v>2.27</v>
      </c>
      <c r="M51" s="117">
        <v>2400</v>
      </c>
    </row>
    <row r="52" spans="2:13" ht="23.25" customHeight="1">
      <c r="B52" s="104"/>
      <c r="C52" s="125" t="s">
        <v>51</v>
      </c>
      <c r="D52" s="130"/>
      <c r="E52" s="113">
        <v>106294</v>
      </c>
      <c r="F52" s="114">
        <v>235846</v>
      </c>
      <c r="G52" s="115">
        <v>117831</v>
      </c>
      <c r="H52" s="115">
        <v>118015</v>
      </c>
      <c r="I52" s="115">
        <v>-15</v>
      </c>
      <c r="J52" s="115">
        <v>-12</v>
      </c>
      <c r="K52" s="115">
        <v>-3</v>
      </c>
      <c r="L52" s="116">
        <v>2.2200000000000002</v>
      </c>
      <c r="M52" s="117">
        <v>8706</v>
      </c>
    </row>
    <row r="53" spans="2:13" ht="23.25" customHeight="1">
      <c r="B53" s="104"/>
      <c r="C53" s="125" t="s">
        <v>52</v>
      </c>
      <c r="D53" s="130"/>
      <c r="E53" s="113">
        <v>45074</v>
      </c>
      <c r="F53" s="114">
        <v>102470</v>
      </c>
      <c r="G53" s="115">
        <v>51967</v>
      </c>
      <c r="H53" s="115">
        <v>50503</v>
      </c>
      <c r="I53" s="115">
        <v>14</v>
      </c>
      <c r="J53" s="115">
        <v>-1</v>
      </c>
      <c r="K53" s="115">
        <v>15</v>
      </c>
      <c r="L53" s="116">
        <v>2.27</v>
      </c>
      <c r="M53" s="117">
        <v>1844</v>
      </c>
    </row>
    <row r="54" spans="2:13" ht="23.25" customHeight="1">
      <c r="B54" s="104"/>
      <c r="C54" s="125" t="s">
        <v>53</v>
      </c>
      <c r="D54" s="130"/>
      <c r="E54" s="113">
        <v>56226</v>
      </c>
      <c r="F54" s="114">
        <v>132641</v>
      </c>
      <c r="G54" s="115">
        <v>66782</v>
      </c>
      <c r="H54" s="115">
        <v>65859</v>
      </c>
      <c r="I54" s="115">
        <v>259</v>
      </c>
      <c r="J54" s="115">
        <v>9</v>
      </c>
      <c r="K54" s="115">
        <v>250</v>
      </c>
      <c r="L54" s="116">
        <v>2.36</v>
      </c>
      <c r="M54" s="117">
        <v>4988</v>
      </c>
    </row>
    <row r="55" spans="2:13" ht="23.25" customHeight="1">
      <c r="B55" s="104"/>
      <c r="C55" s="125" t="s">
        <v>54</v>
      </c>
      <c r="D55" s="130"/>
      <c r="E55" s="113">
        <v>57987</v>
      </c>
      <c r="F55" s="114">
        <v>129425</v>
      </c>
      <c r="G55" s="115">
        <v>64568</v>
      </c>
      <c r="H55" s="115">
        <v>64857</v>
      </c>
      <c r="I55" s="115">
        <v>-25</v>
      </c>
      <c r="J55" s="115">
        <v>-7</v>
      </c>
      <c r="K55" s="115">
        <v>-18</v>
      </c>
      <c r="L55" s="116">
        <v>2.23</v>
      </c>
      <c r="M55" s="117">
        <v>7366</v>
      </c>
    </row>
    <row r="56" spans="2:13" ht="23.25" customHeight="1">
      <c r="B56" s="104"/>
      <c r="C56" s="125" t="s">
        <v>55</v>
      </c>
      <c r="D56" s="130"/>
      <c r="E56" s="113">
        <v>16551</v>
      </c>
      <c r="F56" s="114">
        <v>42311</v>
      </c>
      <c r="G56" s="115">
        <v>20818</v>
      </c>
      <c r="H56" s="115">
        <v>21493</v>
      </c>
      <c r="I56" s="115">
        <v>-21</v>
      </c>
      <c r="J56" s="115">
        <v>-16</v>
      </c>
      <c r="K56" s="115">
        <v>-5</v>
      </c>
      <c r="L56" s="116">
        <v>2.56</v>
      </c>
      <c r="M56" s="117">
        <v>549</v>
      </c>
    </row>
    <row r="57" spans="2:13" ht="23.25" customHeight="1">
      <c r="B57" s="104"/>
      <c r="C57" s="125" t="s">
        <v>56</v>
      </c>
      <c r="D57" s="130"/>
      <c r="E57" s="113">
        <v>34472</v>
      </c>
      <c r="F57" s="114">
        <v>84229</v>
      </c>
      <c r="G57" s="115">
        <v>42857</v>
      </c>
      <c r="H57" s="115">
        <v>41372</v>
      </c>
      <c r="I57" s="115">
        <v>25</v>
      </c>
      <c r="J57" s="115">
        <v>1</v>
      </c>
      <c r="K57" s="115">
        <v>24</v>
      </c>
      <c r="L57" s="116">
        <v>2.44</v>
      </c>
      <c r="M57" s="117">
        <v>3804</v>
      </c>
    </row>
    <row r="58" spans="2:13" ht="23.25" customHeight="1">
      <c r="B58" s="104"/>
      <c r="C58" s="126" t="s">
        <v>81</v>
      </c>
      <c r="D58" s="130"/>
      <c r="E58" s="113">
        <v>12687</v>
      </c>
      <c r="F58" s="114">
        <v>31858</v>
      </c>
      <c r="G58" s="115">
        <v>15059</v>
      </c>
      <c r="H58" s="115">
        <v>16799</v>
      </c>
      <c r="I58" s="115">
        <v>30</v>
      </c>
      <c r="J58" s="115">
        <v>-12</v>
      </c>
      <c r="K58" s="115">
        <v>42</v>
      </c>
      <c r="L58" s="116">
        <v>2.5099999999999998</v>
      </c>
      <c r="M58" s="117">
        <v>1870</v>
      </c>
    </row>
    <row r="59" spans="2:13" ht="23.25" customHeight="1">
      <c r="B59" s="104"/>
      <c r="C59" s="126" t="s">
        <v>82</v>
      </c>
      <c r="D59" s="130"/>
      <c r="E59" s="113">
        <v>19555</v>
      </c>
      <c r="F59" s="114">
        <v>48232</v>
      </c>
      <c r="G59" s="115">
        <v>24445</v>
      </c>
      <c r="H59" s="115">
        <v>23787</v>
      </c>
      <c r="I59" s="115">
        <v>19</v>
      </c>
      <c r="J59" s="115">
        <v>-13</v>
      </c>
      <c r="K59" s="115">
        <v>32</v>
      </c>
      <c r="L59" s="116">
        <v>2.4700000000000002</v>
      </c>
      <c r="M59" s="117">
        <v>3616</v>
      </c>
    </row>
    <row r="60" spans="2:13" ht="23.25" customHeight="1">
      <c r="B60" s="131"/>
      <c r="C60" s="24" t="s">
        <v>57</v>
      </c>
      <c r="D60" s="15"/>
      <c r="E60" s="8">
        <v>23991</v>
      </c>
      <c r="F60" s="9">
        <v>59386</v>
      </c>
      <c r="G60" s="10">
        <v>28824</v>
      </c>
      <c r="H60" s="10">
        <v>30562</v>
      </c>
      <c r="I60" s="10">
        <v>-10</v>
      </c>
      <c r="J60" s="10">
        <v>-30</v>
      </c>
      <c r="K60" s="10">
        <v>20</v>
      </c>
      <c r="L60" s="11">
        <v>2.48</v>
      </c>
      <c r="M60" s="12">
        <v>2262</v>
      </c>
    </row>
    <row r="61" spans="2:13" ht="23.25" customHeight="1">
      <c r="B61" s="104"/>
      <c r="C61" s="125" t="s">
        <v>58</v>
      </c>
      <c r="D61" s="130"/>
      <c r="E61" s="113">
        <v>12610</v>
      </c>
      <c r="F61" s="114">
        <v>31467</v>
      </c>
      <c r="G61" s="115">
        <v>15374</v>
      </c>
      <c r="H61" s="115">
        <v>16093</v>
      </c>
      <c r="I61" s="115">
        <v>0</v>
      </c>
      <c r="J61" s="115">
        <v>-17</v>
      </c>
      <c r="K61" s="115">
        <v>17</v>
      </c>
      <c r="L61" s="116">
        <v>2.5</v>
      </c>
      <c r="M61" s="117">
        <v>1832</v>
      </c>
    </row>
    <row r="62" spans="2:13" ht="23.25" customHeight="1">
      <c r="B62" s="104"/>
      <c r="C62" s="125" t="s">
        <v>59</v>
      </c>
      <c r="D62" s="130"/>
      <c r="E62" s="113">
        <v>11381</v>
      </c>
      <c r="F62" s="114">
        <v>27919</v>
      </c>
      <c r="G62" s="115">
        <v>13450</v>
      </c>
      <c r="H62" s="115">
        <v>14469</v>
      </c>
      <c r="I62" s="115">
        <v>-10</v>
      </c>
      <c r="J62" s="115">
        <v>-13</v>
      </c>
      <c r="K62" s="115">
        <v>3</v>
      </c>
      <c r="L62" s="116">
        <v>2.4500000000000002</v>
      </c>
      <c r="M62" s="117">
        <v>3075</v>
      </c>
    </row>
    <row r="63" spans="2:13" ht="23.25" customHeight="1">
      <c r="B63" s="131"/>
      <c r="C63" s="24" t="s">
        <v>60</v>
      </c>
      <c r="D63" s="15"/>
      <c r="E63" s="8">
        <v>24844</v>
      </c>
      <c r="F63" s="9">
        <v>65058</v>
      </c>
      <c r="G63" s="10">
        <v>32086</v>
      </c>
      <c r="H63" s="10">
        <v>32972</v>
      </c>
      <c r="I63" s="10">
        <v>84</v>
      </c>
      <c r="J63" s="10">
        <v>-3</v>
      </c>
      <c r="K63" s="10">
        <v>87</v>
      </c>
      <c r="L63" s="11">
        <v>2.62</v>
      </c>
      <c r="M63" s="12">
        <v>215</v>
      </c>
    </row>
    <row r="64" spans="2:13" ht="23.25" customHeight="1">
      <c r="B64" s="104"/>
      <c r="C64" s="125" t="s">
        <v>61</v>
      </c>
      <c r="D64" s="130"/>
      <c r="E64" s="113">
        <v>3421</v>
      </c>
      <c r="F64" s="114">
        <v>9453</v>
      </c>
      <c r="G64" s="115">
        <v>4738</v>
      </c>
      <c r="H64" s="115">
        <v>4715</v>
      </c>
      <c r="I64" s="115">
        <v>3</v>
      </c>
      <c r="J64" s="115">
        <v>-1</v>
      </c>
      <c r="K64" s="115">
        <v>4</v>
      </c>
      <c r="L64" s="116">
        <v>2.76</v>
      </c>
      <c r="M64" s="117">
        <v>473</v>
      </c>
    </row>
    <row r="65" spans="2:13" ht="23.25" customHeight="1">
      <c r="B65" s="104"/>
      <c r="C65" s="125" t="s">
        <v>62</v>
      </c>
      <c r="D65" s="130"/>
      <c r="E65" s="113">
        <v>6405</v>
      </c>
      <c r="F65" s="114">
        <v>16973</v>
      </c>
      <c r="G65" s="115">
        <v>8441</v>
      </c>
      <c r="H65" s="115">
        <v>8532</v>
      </c>
      <c r="I65" s="115">
        <v>-8</v>
      </c>
      <c r="J65" s="115">
        <v>-1</v>
      </c>
      <c r="K65" s="115">
        <v>-7</v>
      </c>
      <c r="L65" s="116">
        <v>2.65</v>
      </c>
      <c r="M65" s="117">
        <v>1180</v>
      </c>
    </row>
    <row r="66" spans="2:13" ht="23.25" customHeight="1">
      <c r="B66" s="104"/>
      <c r="C66" s="125" t="s">
        <v>63</v>
      </c>
      <c r="D66" s="130"/>
      <c r="E66" s="113">
        <v>4553</v>
      </c>
      <c r="F66" s="114">
        <v>10975</v>
      </c>
      <c r="G66" s="115">
        <v>5405</v>
      </c>
      <c r="H66" s="115">
        <v>5570</v>
      </c>
      <c r="I66" s="115">
        <v>54</v>
      </c>
      <c r="J66" s="115">
        <v>-2</v>
      </c>
      <c r="K66" s="115">
        <v>56</v>
      </c>
      <c r="L66" s="116">
        <v>2.41</v>
      </c>
      <c r="M66" s="117">
        <v>291</v>
      </c>
    </row>
    <row r="67" spans="2:13" ht="23.25" customHeight="1">
      <c r="B67" s="104"/>
      <c r="C67" s="125" t="s">
        <v>64</v>
      </c>
      <c r="D67" s="130"/>
      <c r="E67" s="113">
        <v>3838</v>
      </c>
      <c r="F67" s="114">
        <v>9923</v>
      </c>
      <c r="G67" s="115">
        <v>4870</v>
      </c>
      <c r="H67" s="115">
        <v>5053</v>
      </c>
      <c r="I67" s="115">
        <v>-10</v>
      </c>
      <c r="J67" s="115">
        <v>-5</v>
      </c>
      <c r="K67" s="115">
        <v>-5</v>
      </c>
      <c r="L67" s="116">
        <v>2.59</v>
      </c>
      <c r="M67" s="117">
        <v>44</v>
      </c>
    </row>
    <row r="68" spans="2:13" ht="23.25" customHeight="1">
      <c r="B68" s="104"/>
      <c r="C68" s="125" t="s">
        <v>65</v>
      </c>
      <c r="D68" s="130"/>
      <c r="E68" s="113">
        <v>6627</v>
      </c>
      <c r="F68" s="114">
        <v>17734</v>
      </c>
      <c r="G68" s="115">
        <v>8632</v>
      </c>
      <c r="H68" s="115">
        <v>9102</v>
      </c>
      <c r="I68" s="115">
        <v>45</v>
      </c>
      <c r="J68" s="115">
        <v>6</v>
      </c>
      <c r="K68" s="115">
        <v>39</v>
      </c>
      <c r="L68" s="116">
        <v>2.68</v>
      </c>
      <c r="M68" s="117">
        <v>2707</v>
      </c>
    </row>
    <row r="69" spans="2:13" ht="23.25" customHeight="1">
      <c r="B69" s="131"/>
      <c r="C69" s="24" t="s">
        <v>66</v>
      </c>
      <c r="D69" s="15"/>
      <c r="E69" s="8">
        <v>20102</v>
      </c>
      <c r="F69" s="9">
        <v>42514</v>
      </c>
      <c r="G69" s="10">
        <v>19914</v>
      </c>
      <c r="H69" s="10">
        <v>22600</v>
      </c>
      <c r="I69" s="10">
        <v>-15</v>
      </c>
      <c r="J69" s="10">
        <v>-33</v>
      </c>
      <c r="K69" s="10">
        <v>18</v>
      </c>
      <c r="L69" s="11">
        <v>2.11</v>
      </c>
      <c r="M69" s="12">
        <v>302</v>
      </c>
    </row>
    <row r="70" spans="2:13" ht="23.25" customHeight="1">
      <c r="B70" s="104"/>
      <c r="C70" s="125" t="s">
        <v>67</v>
      </c>
      <c r="D70" s="130"/>
      <c r="E70" s="113">
        <v>6192</v>
      </c>
      <c r="F70" s="114">
        <v>11389</v>
      </c>
      <c r="G70" s="115">
        <v>5432</v>
      </c>
      <c r="H70" s="115">
        <v>5957</v>
      </c>
      <c r="I70" s="115">
        <v>5</v>
      </c>
      <c r="J70" s="115">
        <v>-9</v>
      </c>
      <c r="K70" s="115">
        <v>14</v>
      </c>
      <c r="L70" s="116">
        <v>1.84</v>
      </c>
      <c r="M70" s="117">
        <v>123</v>
      </c>
    </row>
    <row r="71" spans="2:13" ht="23.25" customHeight="1">
      <c r="B71" s="104"/>
      <c r="C71" s="125" t="s">
        <v>68</v>
      </c>
      <c r="D71" s="130"/>
      <c r="E71" s="113">
        <v>3059</v>
      </c>
      <c r="F71" s="114">
        <v>6960</v>
      </c>
      <c r="G71" s="115">
        <v>3257</v>
      </c>
      <c r="H71" s="115">
        <v>3703</v>
      </c>
      <c r="I71" s="115">
        <v>2</v>
      </c>
      <c r="J71" s="115">
        <v>-7</v>
      </c>
      <c r="K71" s="115">
        <v>9</v>
      </c>
      <c r="L71" s="116">
        <v>2.2799999999999998</v>
      </c>
      <c r="M71" s="117">
        <v>987</v>
      </c>
    </row>
    <row r="72" spans="2:13" ht="23.25" customHeight="1">
      <c r="B72" s="104"/>
      <c r="C72" s="125" t="s">
        <v>83</v>
      </c>
      <c r="D72" s="130"/>
      <c r="E72" s="113">
        <v>10851</v>
      </c>
      <c r="F72" s="114">
        <v>24165</v>
      </c>
      <c r="G72" s="115">
        <v>11225</v>
      </c>
      <c r="H72" s="115">
        <v>12940</v>
      </c>
      <c r="I72" s="115">
        <v>-22</v>
      </c>
      <c r="J72" s="115">
        <v>-17</v>
      </c>
      <c r="K72" s="115">
        <v>-5</v>
      </c>
      <c r="L72" s="116">
        <v>2.23</v>
      </c>
      <c r="M72" s="117">
        <v>590</v>
      </c>
    </row>
    <row r="73" spans="2:13" ht="23.25" customHeight="1">
      <c r="B73" s="131"/>
      <c r="C73" s="24" t="s">
        <v>69</v>
      </c>
      <c r="D73" s="15"/>
      <c r="E73" s="8">
        <v>17706</v>
      </c>
      <c r="F73" s="9">
        <v>42915</v>
      </c>
      <c r="G73" s="10">
        <v>22325</v>
      </c>
      <c r="H73" s="10">
        <v>20590</v>
      </c>
      <c r="I73" s="10">
        <v>-10</v>
      </c>
      <c r="J73" s="10">
        <v>-11</v>
      </c>
      <c r="K73" s="10">
        <v>1</v>
      </c>
      <c r="L73" s="11">
        <v>2.42</v>
      </c>
      <c r="M73" s="12">
        <v>407</v>
      </c>
    </row>
    <row r="74" spans="2:13" ht="23.25" customHeight="1">
      <c r="B74" s="104"/>
      <c r="C74" s="125" t="s">
        <v>70</v>
      </c>
      <c r="D74" s="130"/>
      <c r="E74" s="113">
        <v>16555</v>
      </c>
      <c r="F74" s="114">
        <v>39772</v>
      </c>
      <c r="G74" s="115">
        <v>20721</v>
      </c>
      <c r="H74" s="115">
        <v>19051</v>
      </c>
      <c r="I74" s="115">
        <v>-7</v>
      </c>
      <c r="J74" s="115">
        <v>-10</v>
      </c>
      <c r="K74" s="115">
        <v>3</v>
      </c>
      <c r="L74" s="116">
        <v>2.4</v>
      </c>
      <c r="M74" s="117">
        <v>1160</v>
      </c>
    </row>
    <row r="75" spans="2:13" ht="23.25" customHeight="1">
      <c r="B75" s="104"/>
      <c r="C75" s="125" t="s">
        <v>71</v>
      </c>
      <c r="D75" s="130"/>
      <c r="E75" s="113">
        <v>1151</v>
      </c>
      <c r="F75" s="114">
        <v>3143</v>
      </c>
      <c r="G75" s="115">
        <v>1604</v>
      </c>
      <c r="H75" s="115">
        <v>1539</v>
      </c>
      <c r="I75" s="115">
        <v>-3</v>
      </c>
      <c r="J75" s="115">
        <v>-1</v>
      </c>
      <c r="K75" s="115">
        <v>-2</v>
      </c>
      <c r="L75" s="116">
        <v>2.73</v>
      </c>
      <c r="M75" s="117">
        <v>44</v>
      </c>
    </row>
    <row r="76" spans="2:13" ht="14.25" thickBot="1">
      <c r="B76" s="145"/>
      <c r="C76" s="174"/>
      <c r="D76" s="174"/>
      <c r="E76" s="146"/>
      <c r="F76" s="147"/>
      <c r="G76" s="147"/>
      <c r="H76" s="147"/>
      <c r="I76" s="147"/>
      <c r="J76" s="147"/>
      <c r="K76" s="147"/>
      <c r="L76" s="147"/>
      <c r="M76" s="175"/>
    </row>
    <row r="77" spans="2:13">
      <c r="M77" s="137" t="s">
        <v>80</v>
      </c>
    </row>
  </sheetData>
  <mergeCells count="2">
    <mergeCell ref="C4:C5"/>
    <mergeCell ref="E4:E5"/>
  </mergeCells>
  <phoneticPr fontId="7"/>
  <printOptions horizontalCentered="1" gridLinesSet="0"/>
  <pageMargins left="0.23622047244094491" right="0.23622047244094491" top="0.74803149606299213" bottom="0.74803149606299213" header="0.31496062992125984" footer="0.31496062992125984"/>
  <pageSetup paperSize="9" scale="78" orientation="portrait" r:id="rId1"/>
  <headerFooter alignWithMargins="0"/>
  <rowBreaks count="1" manualBreakCount="1">
    <brk id="41" min="1" max="12" man="1"/>
  </row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A1" transitionEvaluation="1"/>
  <dimension ref="B1:O77"/>
  <sheetViews>
    <sheetView view="pageBreakPreview" zoomScale="75" zoomScaleNormal="100" zoomScaleSheetLayoutView="75" workbookViewId="0"/>
  </sheetViews>
  <sheetFormatPr defaultColWidth="12.125" defaultRowHeight="13.5"/>
  <cols>
    <col min="1" max="1" width="12.125" style="80"/>
    <col min="2" max="2" width="1.625" style="80" customWidth="1"/>
    <col min="3" max="3" width="12.375" style="5" customWidth="1"/>
    <col min="4" max="4" width="1.625" style="5" customWidth="1"/>
    <col min="5" max="8" width="12.625" style="5" customWidth="1"/>
    <col min="9" max="13" width="10.625" style="5" customWidth="1"/>
    <col min="14" max="14" width="19" style="80" customWidth="1"/>
    <col min="15" max="15" width="16.75" style="80" customWidth="1"/>
    <col min="16" max="19" width="14.375" style="80" customWidth="1"/>
    <col min="20" max="16384" width="12.125" style="80"/>
  </cols>
  <sheetData>
    <row r="1" spans="2:15" ht="24">
      <c r="C1" s="81" t="s">
        <v>9</v>
      </c>
      <c r="D1" s="82"/>
      <c r="E1" s="83"/>
      <c r="F1" s="84"/>
      <c r="G1" s="84"/>
      <c r="H1" s="84"/>
      <c r="I1" s="84"/>
      <c r="J1" s="84"/>
      <c r="K1" s="84"/>
      <c r="L1" s="84"/>
      <c r="M1" s="85"/>
    </row>
    <row r="3" spans="2:15" ht="21.95" customHeight="1" thickBot="1">
      <c r="C3" s="176" t="s">
        <v>138</v>
      </c>
      <c r="D3" s="177"/>
      <c r="E3" s="178"/>
      <c r="F3" s="178"/>
      <c r="G3" s="178"/>
      <c r="H3" s="178"/>
      <c r="I3" s="178"/>
      <c r="J3" s="178"/>
      <c r="K3" s="178"/>
      <c r="L3" s="178"/>
      <c r="M3" s="179" t="s">
        <v>86</v>
      </c>
    </row>
    <row r="4" spans="2:15" ht="18" customHeight="1">
      <c r="B4" s="90"/>
      <c r="C4" s="202" t="s">
        <v>10</v>
      </c>
      <c r="D4" s="91"/>
      <c r="E4" s="204" t="s">
        <v>11</v>
      </c>
      <c r="F4" s="92" t="s">
        <v>6</v>
      </c>
      <c r="G4" s="93"/>
      <c r="H4" s="94" t="s">
        <v>7</v>
      </c>
      <c r="I4" s="95" t="s">
        <v>72</v>
      </c>
      <c r="J4" s="96"/>
      <c r="K4" s="96"/>
      <c r="L4" s="97" t="s">
        <v>0</v>
      </c>
      <c r="M4" s="98" t="s">
        <v>3</v>
      </c>
      <c r="N4" s="99"/>
    </row>
    <row r="5" spans="2:15" ht="18" customHeight="1" thickBot="1">
      <c r="B5" s="159"/>
      <c r="C5" s="212"/>
      <c r="D5" s="171"/>
      <c r="E5" s="205"/>
      <c r="F5" s="172" t="s">
        <v>12</v>
      </c>
      <c r="G5" s="172" t="s">
        <v>1</v>
      </c>
      <c r="H5" s="172" t="s">
        <v>2</v>
      </c>
      <c r="I5" s="172" t="s">
        <v>5</v>
      </c>
      <c r="J5" s="172" t="s">
        <v>13</v>
      </c>
      <c r="K5" s="172" t="s">
        <v>14</v>
      </c>
      <c r="L5" s="172" t="s">
        <v>4</v>
      </c>
      <c r="M5" s="173" t="s">
        <v>15</v>
      </c>
      <c r="N5" s="99"/>
    </row>
    <row r="6" spans="2:15" ht="18" customHeight="1">
      <c r="B6" s="104"/>
      <c r="C6" s="105"/>
      <c r="D6" s="105"/>
      <c r="E6" s="106" t="s">
        <v>8</v>
      </c>
      <c r="F6" s="107" t="s">
        <v>6</v>
      </c>
      <c r="G6" s="107" t="s">
        <v>6</v>
      </c>
      <c r="H6" s="107" t="s">
        <v>6</v>
      </c>
      <c r="I6" s="107" t="s">
        <v>6</v>
      </c>
      <c r="J6" s="107" t="s">
        <v>6</v>
      </c>
      <c r="K6" s="107" t="s">
        <v>6</v>
      </c>
      <c r="L6" s="107" t="s">
        <v>6</v>
      </c>
      <c r="M6" s="108" t="s">
        <v>6</v>
      </c>
      <c r="N6" s="99"/>
    </row>
    <row r="7" spans="2:15" ht="24" customHeight="1">
      <c r="B7" s="16"/>
      <c r="C7" s="23" t="s">
        <v>139</v>
      </c>
      <c r="D7" s="17"/>
      <c r="E7" s="18">
        <v>4116860</v>
      </c>
      <c r="F7" s="19">
        <v>9183257</v>
      </c>
      <c r="G7" s="20">
        <v>4578978</v>
      </c>
      <c r="H7" s="20">
        <v>4604279</v>
      </c>
      <c r="I7" s="20">
        <v>3422</v>
      </c>
      <c r="J7" s="20">
        <v>-1043</v>
      </c>
      <c r="K7" s="20">
        <v>4465</v>
      </c>
      <c r="L7" s="21">
        <v>2.23</v>
      </c>
      <c r="M7" s="22">
        <v>3801</v>
      </c>
      <c r="N7" s="109"/>
    </row>
    <row r="8" spans="2:15" ht="24" customHeight="1">
      <c r="B8" s="110"/>
      <c r="C8" s="111" t="s">
        <v>140</v>
      </c>
      <c r="D8" s="112"/>
      <c r="E8" s="113">
        <v>3997990</v>
      </c>
      <c r="F8" s="114">
        <v>8893432</v>
      </c>
      <c r="G8" s="115">
        <v>4436408</v>
      </c>
      <c r="H8" s="115">
        <v>4457024</v>
      </c>
      <c r="I8" s="115">
        <v>3560</v>
      </c>
      <c r="J8" s="115">
        <v>-898</v>
      </c>
      <c r="K8" s="115">
        <v>4458</v>
      </c>
      <c r="L8" s="116">
        <v>2.2200000000000002</v>
      </c>
      <c r="M8" s="117">
        <v>4914</v>
      </c>
      <c r="N8" s="109"/>
    </row>
    <row r="9" spans="2:15" ht="24" customHeight="1">
      <c r="B9" s="110"/>
      <c r="C9" s="111" t="s">
        <v>16</v>
      </c>
      <c r="D9" s="112"/>
      <c r="E9" s="113">
        <v>118870</v>
      </c>
      <c r="F9" s="114">
        <v>289825</v>
      </c>
      <c r="G9" s="115">
        <v>142570</v>
      </c>
      <c r="H9" s="115">
        <v>147255</v>
      </c>
      <c r="I9" s="115">
        <v>-138</v>
      </c>
      <c r="J9" s="115">
        <v>-145</v>
      </c>
      <c r="K9" s="115">
        <v>7</v>
      </c>
      <c r="L9" s="116">
        <v>2.44</v>
      </c>
      <c r="M9" s="117">
        <v>478</v>
      </c>
      <c r="N9" s="109"/>
    </row>
    <row r="10" spans="2:15" ht="24" customHeight="1">
      <c r="B10" s="110"/>
      <c r="C10" s="118"/>
      <c r="D10" s="118"/>
      <c r="E10" s="119"/>
      <c r="F10" s="120"/>
      <c r="G10" s="121"/>
      <c r="H10" s="121"/>
      <c r="I10" s="121"/>
      <c r="J10" s="121"/>
      <c r="K10" s="121"/>
      <c r="L10" s="122"/>
      <c r="M10" s="123"/>
      <c r="N10" s="109"/>
    </row>
    <row r="11" spans="2:15" ht="24" customHeight="1">
      <c r="B11" s="124"/>
      <c r="C11" s="24" t="s">
        <v>17</v>
      </c>
      <c r="D11" s="7"/>
      <c r="E11" s="8">
        <v>1692559</v>
      </c>
      <c r="F11" s="9">
        <v>3741765</v>
      </c>
      <c r="G11" s="10">
        <v>1859375</v>
      </c>
      <c r="H11" s="10">
        <v>1882390</v>
      </c>
      <c r="I11" s="10">
        <v>1593</v>
      </c>
      <c r="J11" s="10">
        <v>-385</v>
      </c>
      <c r="K11" s="10">
        <v>1978</v>
      </c>
      <c r="L11" s="11">
        <v>2.21</v>
      </c>
      <c r="M11" s="12">
        <v>8551</v>
      </c>
      <c r="N11" s="109"/>
    </row>
    <row r="12" spans="2:15" ht="24" customHeight="1">
      <c r="B12" s="110"/>
      <c r="C12" s="125" t="s">
        <v>18</v>
      </c>
      <c r="D12" s="112"/>
      <c r="E12" s="113">
        <v>138033</v>
      </c>
      <c r="F12" s="114">
        <v>290994</v>
      </c>
      <c r="G12" s="115">
        <v>150251</v>
      </c>
      <c r="H12" s="115">
        <v>140743</v>
      </c>
      <c r="I12" s="115">
        <v>134</v>
      </c>
      <c r="J12" s="115">
        <v>-30</v>
      </c>
      <c r="K12" s="115">
        <v>164</v>
      </c>
      <c r="L12" s="116">
        <v>2.11</v>
      </c>
      <c r="M12" s="117">
        <v>8757</v>
      </c>
      <c r="N12" s="109"/>
    </row>
    <row r="13" spans="2:15" ht="24" customHeight="1">
      <c r="B13" s="110"/>
      <c r="C13" s="126" t="s">
        <v>75</v>
      </c>
      <c r="D13" s="112"/>
      <c r="E13" s="113">
        <v>124237</v>
      </c>
      <c r="F13" s="114">
        <v>243443</v>
      </c>
      <c r="G13" s="115">
        <v>123539</v>
      </c>
      <c r="H13" s="115">
        <v>119904</v>
      </c>
      <c r="I13" s="115">
        <v>27</v>
      </c>
      <c r="J13" s="115">
        <v>-1</v>
      </c>
      <c r="K13" s="115">
        <v>28</v>
      </c>
      <c r="L13" s="116">
        <v>1.96</v>
      </c>
      <c r="M13" s="117">
        <v>10259</v>
      </c>
      <c r="N13" s="109"/>
    </row>
    <row r="14" spans="2:15" ht="24" customHeight="1">
      <c r="B14" s="110"/>
      <c r="C14" s="125" t="s">
        <v>19</v>
      </c>
      <c r="D14" s="112"/>
      <c r="E14" s="113">
        <v>54571</v>
      </c>
      <c r="F14" s="114">
        <v>102298</v>
      </c>
      <c r="G14" s="115">
        <v>51776</v>
      </c>
      <c r="H14" s="115">
        <v>50522</v>
      </c>
      <c r="I14" s="115">
        <v>157</v>
      </c>
      <c r="J14" s="115">
        <v>14</v>
      </c>
      <c r="K14" s="115">
        <v>143</v>
      </c>
      <c r="L14" s="116">
        <v>1.87</v>
      </c>
      <c r="M14" s="117">
        <v>14552</v>
      </c>
      <c r="N14" s="109"/>
      <c r="O14" s="4"/>
    </row>
    <row r="15" spans="2:15" ht="24" customHeight="1">
      <c r="B15" s="110"/>
      <c r="C15" s="125" t="s">
        <v>20</v>
      </c>
      <c r="D15" s="112"/>
      <c r="E15" s="113">
        <v>80477</v>
      </c>
      <c r="F15" s="114">
        <v>149278</v>
      </c>
      <c r="G15" s="115">
        <v>78411</v>
      </c>
      <c r="H15" s="115">
        <v>70867</v>
      </c>
      <c r="I15" s="115">
        <v>242</v>
      </c>
      <c r="J15" s="115">
        <v>-49</v>
      </c>
      <c r="K15" s="115">
        <v>291</v>
      </c>
      <c r="L15" s="116">
        <v>1.85</v>
      </c>
      <c r="M15" s="117">
        <v>7015</v>
      </c>
      <c r="N15" s="109"/>
    </row>
    <row r="16" spans="2:15" ht="24" customHeight="1">
      <c r="B16" s="110"/>
      <c r="C16" s="125" t="s">
        <v>21</v>
      </c>
      <c r="D16" s="112"/>
      <c r="E16" s="113">
        <v>98782</v>
      </c>
      <c r="F16" s="114">
        <v>195464</v>
      </c>
      <c r="G16" s="115">
        <v>97298</v>
      </c>
      <c r="H16" s="115">
        <v>98166</v>
      </c>
      <c r="I16" s="115">
        <v>239</v>
      </c>
      <c r="J16" s="115">
        <v>-88</v>
      </c>
      <c r="K16" s="115">
        <v>327</v>
      </c>
      <c r="L16" s="116">
        <v>1.98</v>
      </c>
      <c r="M16" s="117">
        <v>15452</v>
      </c>
      <c r="N16" s="109"/>
    </row>
    <row r="17" spans="2:14" ht="24" customHeight="1">
      <c r="B17" s="110"/>
      <c r="C17" s="125" t="s">
        <v>22</v>
      </c>
      <c r="D17" s="112"/>
      <c r="E17" s="113">
        <v>93006</v>
      </c>
      <c r="F17" s="114">
        <v>213940</v>
      </c>
      <c r="G17" s="115">
        <v>104923</v>
      </c>
      <c r="H17" s="115">
        <v>109017</v>
      </c>
      <c r="I17" s="115">
        <v>-12</v>
      </c>
      <c r="J17" s="115">
        <v>-31</v>
      </c>
      <c r="K17" s="115">
        <v>19</v>
      </c>
      <c r="L17" s="116">
        <v>2.2999999999999998</v>
      </c>
      <c r="M17" s="117">
        <v>10751</v>
      </c>
      <c r="N17" s="109"/>
    </row>
    <row r="18" spans="2:14" ht="24" customHeight="1">
      <c r="B18" s="110"/>
      <c r="C18" s="126" t="s">
        <v>141</v>
      </c>
      <c r="D18" s="127"/>
      <c r="E18" s="113">
        <v>95255</v>
      </c>
      <c r="F18" s="114">
        <v>205664</v>
      </c>
      <c r="G18" s="115">
        <v>102269</v>
      </c>
      <c r="H18" s="115">
        <v>103395</v>
      </c>
      <c r="I18" s="115">
        <v>96</v>
      </c>
      <c r="J18" s="115">
        <v>-56</v>
      </c>
      <c r="K18" s="115">
        <v>152</v>
      </c>
      <c r="L18" s="116">
        <v>2.16</v>
      </c>
      <c r="M18" s="117">
        <v>9378</v>
      </c>
      <c r="N18" s="109"/>
    </row>
    <row r="19" spans="2:14" ht="24" customHeight="1">
      <c r="B19" s="110"/>
      <c r="C19" s="125" t="s">
        <v>23</v>
      </c>
      <c r="D19" s="112"/>
      <c r="E19" s="113">
        <v>105299</v>
      </c>
      <c r="F19" s="114">
        <v>245807</v>
      </c>
      <c r="G19" s="115">
        <v>119051</v>
      </c>
      <c r="H19" s="115">
        <v>126756</v>
      </c>
      <c r="I19" s="115">
        <v>60</v>
      </c>
      <c r="J19" s="115">
        <v>-102</v>
      </c>
      <c r="K19" s="115">
        <v>162</v>
      </c>
      <c r="L19" s="116">
        <v>2.33</v>
      </c>
      <c r="M19" s="117">
        <v>7510</v>
      </c>
      <c r="N19" s="109"/>
    </row>
    <row r="20" spans="2:14" ht="24" customHeight="1">
      <c r="B20" s="110"/>
      <c r="C20" s="125" t="s">
        <v>24</v>
      </c>
      <c r="D20" s="112"/>
      <c r="E20" s="113">
        <v>76442</v>
      </c>
      <c r="F20" s="114">
        <v>166675</v>
      </c>
      <c r="G20" s="115">
        <v>81950</v>
      </c>
      <c r="H20" s="115">
        <v>84725</v>
      </c>
      <c r="I20" s="115">
        <v>18</v>
      </c>
      <c r="J20" s="115">
        <v>-68</v>
      </c>
      <c r="K20" s="115">
        <v>86</v>
      </c>
      <c r="L20" s="116">
        <v>2.1800000000000002</v>
      </c>
      <c r="M20" s="117">
        <v>8749</v>
      </c>
      <c r="N20" s="109"/>
    </row>
    <row r="21" spans="2:14" ht="24" customHeight="1">
      <c r="B21" s="110"/>
      <c r="C21" s="125" t="s">
        <v>25</v>
      </c>
      <c r="D21" s="112"/>
      <c r="E21" s="113">
        <v>88259</v>
      </c>
      <c r="F21" s="114">
        <v>199463</v>
      </c>
      <c r="G21" s="115">
        <v>97571</v>
      </c>
      <c r="H21" s="115">
        <v>101892</v>
      </c>
      <c r="I21" s="115">
        <v>-95</v>
      </c>
      <c r="J21" s="115">
        <v>-77</v>
      </c>
      <c r="K21" s="115">
        <v>-18</v>
      </c>
      <c r="L21" s="116">
        <v>2.2599999999999998</v>
      </c>
      <c r="M21" s="117">
        <v>6443</v>
      </c>
      <c r="N21" s="109"/>
    </row>
    <row r="22" spans="2:14" ht="24" customHeight="1">
      <c r="B22" s="110"/>
      <c r="C22" s="125" t="s">
        <v>26</v>
      </c>
      <c r="D22" s="112"/>
      <c r="E22" s="113">
        <v>168511</v>
      </c>
      <c r="F22" s="114">
        <v>351331</v>
      </c>
      <c r="G22" s="115">
        <v>177553</v>
      </c>
      <c r="H22" s="115">
        <v>173778</v>
      </c>
      <c r="I22" s="115">
        <v>220</v>
      </c>
      <c r="J22" s="115">
        <v>133</v>
      </c>
      <c r="K22" s="115">
        <v>87</v>
      </c>
      <c r="L22" s="116">
        <v>2.08</v>
      </c>
      <c r="M22" s="117">
        <v>11189</v>
      </c>
      <c r="N22" s="109"/>
    </row>
    <row r="23" spans="2:14" ht="24" customHeight="1">
      <c r="B23" s="110"/>
      <c r="C23" s="125" t="s">
        <v>27</v>
      </c>
      <c r="D23" s="112"/>
      <c r="E23" s="113">
        <v>76953</v>
      </c>
      <c r="F23" s="114">
        <v>181630</v>
      </c>
      <c r="G23" s="115">
        <v>89407</v>
      </c>
      <c r="H23" s="115">
        <v>92223</v>
      </c>
      <c r="I23" s="115">
        <v>107</v>
      </c>
      <c r="J23" s="115">
        <v>11</v>
      </c>
      <c r="K23" s="115">
        <v>96</v>
      </c>
      <c r="L23" s="116">
        <v>2.36</v>
      </c>
      <c r="M23" s="117">
        <v>7120</v>
      </c>
      <c r="N23" s="109"/>
    </row>
    <row r="24" spans="2:14" ht="24" customHeight="1">
      <c r="B24" s="110"/>
      <c r="C24" s="125" t="s">
        <v>28</v>
      </c>
      <c r="D24" s="112"/>
      <c r="E24" s="113">
        <v>128260</v>
      </c>
      <c r="F24" s="114">
        <v>309849</v>
      </c>
      <c r="G24" s="115">
        <v>150611</v>
      </c>
      <c r="H24" s="115">
        <v>159238</v>
      </c>
      <c r="I24" s="115">
        <v>223</v>
      </c>
      <c r="J24" s="115">
        <v>47</v>
      </c>
      <c r="K24" s="115">
        <v>176</v>
      </c>
      <c r="L24" s="116">
        <v>2.42</v>
      </c>
      <c r="M24" s="117">
        <v>8798</v>
      </c>
      <c r="N24" s="109"/>
    </row>
    <row r="25" spans="2:14" ht="24" customHeight="1">
      <c r="B25" s="110"/>
      <c r="C25" s="125" t="s">
        <v>29</v>
      </c>
      <c r="D25" s="112"/>
      <c r="E25" s="113">
        <v>82440</v>
      </c>
      <c r="F25" s="114">
        <v>211567</v>
      </c>
      <c r="G25" s="115">
        <v>105358</v>
      </c>
      <c r="H25" s="115">
        <v>106209</v>
      </c>
      <c r="I25" s="115">
        <v>184</v>
      </c>
      <c r="J25" s="115">
        <v>44</v>
      </c>
      <c r="K25" s="115">
        <v>140</v>
      </c>
      <c r="L25" s="116">
        <v>2.57</v>
      </c>
      <c r="M25" s="117">
        <v>7591</v>
      </c>
      <c r="N25" s="109"/>
    </row>
    <row r="26" spans="2:14" ht="24" customHeight="1">
      <c r="B26" s="110"/>
      <c r="C26" s="125" t="s">
        <v>30</v>
      </c>
      <c r="D26" s="112"/>
      <c r="E26" s="113">
        <v>117855</v>
      </c>
      <c r="F26" s="114">
        <v>279031</v>
      </c>
      <c r="G26" s="115">
        <v>136578</v>
      </c>
      <c r="H26" s="115">
        <v>142453</v>
      </c>
      <c r="I26" s="115">
        <v>56</v>
      </c>
      <c r="J26" s="115">
        <v>-8</v>
      </c>
      <c r="K26" s="115">
        <v>64</v>
      </c>
      <c r="L26" s="116">
        <v>2.37</v>
      </c>
      <c r="M26" s="117">
        <v>7796</v>
      </c>
      <c r="N26" s="109"/>
    </row>
    <row r="27" spans="2:14" ht="24" customHeight="1">
      <c r="B27" s="110"/>
      <c r="C27" s="125" t="s">
        <v>31</v>
      </c>
      <c r="D27" s="112"/>
      <c r="E27" s="113">
        <v>51200</v>
      </c>
      <c r="F27" s="114">
        <v>120157</v>
      </c>
      <c r="G27" s="115">
        <v>58518</v>
      </c>
      <c r="H27" s="115">
        <v>61639</v>
      </c>
      <c r="I27" s="115">
        <v>50</v>
      </c>
      <c r="J27" s="115">
        <v>-27</v>
      </c>
      <c r="K27" s="115">
        <v>77</v>
      </c>
      <c r="L27" s="116">
        <v>2.35</v>
      </c>
      <c r="M27" s="117">
        <v>6488</v>
      </c>
      <c r="N27" s="109"/>
    </row>
    <row r="28" spans="2:14" ht="24" customHeight="1">
      <c r="B28" s="110"/>
      <c r="C28" s="125" t="s">
        <v>32</v>
      </c>
      <c r="D28" s="112"/>
      <c r="E28" s="113">
        <v>61855</v>
      </c>
      <c r="F28" s="114">
        <v>152436</v>
      </c>
      <c r="G28" s="115">
        <v>74482</v>
      </c>
      <c r="H28" s="115">
        <v>77954</v>
      </c>
      <c r="I28" s="115">
        <v>-23</v>
      </c>
      <c r="J28" s="115">
        <v>-45</v>
      </c>
      <c r="K28" s="115">
        <v>22</v>
      </c>
      <c r="L28" s="116">
        <v>2.46</v>
      </c>
      <c r="M28" s="117">
        <v>6465</v>
      </c>
      <c r="N28" s="109"/>
    </row>
    <row r="29" spans="2:14" ht="24" customHeight="1">
      <c r="B29" s="110"/>
      <c r="C29" s="125" t="s">
        <v>33</v>
      </c>
      <c r="D29" s="112"/>
      <c r="E29" s="113">
        <v>51124</v>
      </c>
      <c r="F29" s="114">
        <v>122738</v>
      </c>
      <c r="G29" s="115">
        <v>59829</v>
      </c>
      <c r="H29" s="115">
        <v>62909</v>
      </c>
      <c r="I29" s="115">
        <v>-90</v>
      </c>
      <c r="J29" s="115">
        <v>-52</v>
      </c>
      <c r="K29" s="115">
        <v>-38</v>
      </c>
      <c r="L29" s="116">
        <v>2.4</v>
      </c>
      <c r="M29" s="117">
        <v>7148</v>
      </c>
      <c r="N29" s="109"/>
    </row>
    <row r="30" spans="2:14" ht="24" customHeight="1">
      <c r="B30" s="124"/>
      <c r="C30" s="24" t="s">
        <v>34</v>
      </c>
      <c r="D30" s="7"/>
      <c r="E30" s="8">
        <v>728382</v>
      </c>
      <c r="F30" s="9">
        <v>1517706</v>
      </c>
      <c r="G30" s="10">
        <v>768593</v>
      </c>
      <c r="H30" s="10">
        <v>749113</v>
      </c>
      <c r="I30" s="10">
        <v>1223</v>
      </c>
      <c r="J30" s="10">
        <v>306</v>
      </c>
      <c r="K30" s="10">
        <v>917</v>
      </c>
      <c r="L30" s="11">
        <v>2.08</v>
      </c>
      <c r="M30" s="12">
        <v>10613</v>
      </c>
      <c r="N30" s="109"/>
    </row>
    <row r="31" spans="2:14" ht="24" customHeight="1">
      <c r="B31" s="110"/>
      <c r="C31" s="125" t="s">
        <v>35</v>
      </c>
      <c r="D31" s="112"/>
      <c r="E31" s="113">
        <v>118360</v>
      </c>
      <c r="F31" s="114">
        <v>231682</v>
      </c>
      <c r="G31" s="115">
        <v>124452</v>
      </c>
      <c r="H31" s="115">
        <v>107230</v>
      </c>
      <c r="I31" s="115">
        <v>152</v>
      </c>
      <c r="J31" s="115">
        <v>-55</v>
      </c>
      <c r="K31" s="115">
        <v>207</v>
      </c>
      <c r="L31" s="116">
        <v>1.96</v>
      </c>
      <c r="M31" s="117">
        <v>5861</v>
      </c>
      <c r="N31" s="109"/>
    </row>
    <row r="32" spans="2:14" ht="24" customHeight="1">
      <c r="B32" s="110"/>
      <c r="C32" s="125" t="s">
        <v>77</v>
      </c>
      <c r="D32" s="112"/>
      <c r="E32" s="113">
        <v>79574</v>
      </c>
      <c r="F32" s="114">
        <v>167345</v>
      </c>
      <c r="G32" s="115">
        <v>84449</v>
      </c>
      <c r="H32" s="115">
        <v>82896</v>
      </c>
      <c r="I32" s="115">
        <v>139</v>
      </c>
      <c r="J32" s="115">
        <v>35</v>
      </c>
      <c r="K32" s="115">
        <v>104</v>
      </c>
      <c r="L32" s="116">
        <v>2.1</v>
      </c>
      <c r="M32" s="117">
        <v>16718</v>
      </c>
      <c r="N32" s="109"/>
    </row>
    <row r="33" spans="2:14" ht="24" customHeight="1">
      <c r="B33" s="110"/>
      <c r="C33" s="125" t="s">
        <v>36</v>
      </c>
      <c r="D33" s="112"/>
      <c r="E33" s="113">
        <v>130624</v>
      </c>
      <c r="F33" s="114">
        <v>258466</v>
      </c>
      <c r="G33" s="115">
        <v>131852</v>
      </c>
      <c r="H33" s="115">
        <v>126614</v>
      </c>
      <c r="I33" s="115">
        <v>347</v>
      </c>
      <c r="J33" s="115">
        <v>124</v>
      </c>
      <c r="K33" s="115">
        <v>223</v>
      </c>
      <c r="L33" s="116">
        <v>1.98</v>
      </c>
      <c r="M33" s="117">
        <v>17535</v>
      </c>
      <c r="N33" s="109"/>
    </row>
    <row r="34" spans="2:14" ht="24" customHeight="1">
      <c r="B34" s="110"/>
      <c r="C34" s="125" t="s">
        <v>142</v>
      </c>
      <c r="D34" s="112"/>
      <c r="E34" s="113">
        <v>111640</v>
      </c>
      <c r="F34" s="114">
        <v>232031</v>
      </c>
      <c r="G34" s="115">
        <v>116559</v>
      </c>
      <c r="H34" s="115">
        <v>115472</v>
      </c>
      <c r="I34" s="115">
        <v>223</v>
      </c>
      <c r="J34" s="115">
        <v>104</v>
      </c>
      <c r="K34" s="115">
        <v>119</v>
      </c>
      <c r="L34" s="116">
        <v>2.08</v>
      </c>
      <c r="M34" s="117">
        <v>14183</v>
      </c>
      <c r="N34" s="109"/>
    </row>
    <row r="35" spans="2:14" ht="24" customHeight="1">
      <c r="B35" s="110"/>
      <c r="C35" s="125" t="s">
        <v>37</v>
      </c>
      <c r="D35" s="112"/>
      <c r="E35" s="113">
        <v>99379</v>
      </c>
      <c r="F35" s="114">
        <v>231275</v>
      </c>
      <c r="G35" s="115">
        <v>113069</v>
      </c>
      <c r="H35" s="115">
        <v>118206</v>
      </c>
      <c r="I35" s="115">
        <v>144</v>
      </c>
      <c r="J35" s="115">
        <v>67</v>
      </c>
      <c r="K35" s="115">
        <v>77</v>
      </c>
      <c r="L35" s="116">
        <v>2.33</v>
      </c>
      <c r="M35" s="117">
        <v>12427</v>
      </c>
      <c r="N35" s="109"/>
    </row>
    <row r="36" spans="2:14" ht="24" customHeight="1">
      <c r="B36" s="110"/>
      <c r="C36" s="125" t="s">
        <v>38</v>
      </c>
      <c r="D36" s="112"/>
      <c r="E36" s="113">
        <v>111423</v>
      </c>
      <c r="F36" s="114">
        <v>218083</v>
      </c>
      <c r="G36" s="115">
        <v>111520</v>
      </c>
      <c r="H36" s="115">
        <v>106563</v>
      </c>
      <c r="I36" s="115">
        <v>142</v>
      </c>
      <c r="J36" s="115">
        <v>51</v>
      </c>
      <c r="K36" s="115">
        <v>91</v>
      </c>
      <c r="L36" s="116">
        <v>1.96</v>
      </c>
      <c r="M36" s="117">
        <v>10638</v>
      </c>
      <c r="N36" s="109"/>
    </row>
    <row r="37" spans="2:14" ht="24" customHeight="1">
      <c r="B37" s="110"/>
      <c r="C37" s="125" t="s">
        <v>39</v>
      </c>
      <c r="D37" s="112"/>
      <c r="E37" s="113">
        <v>77382</v>
      </c>
      <c r="F37" s="114">
        <v>178824</v>
      </c>
      <c r="G37" s="115">
        <v>86692</v>
      </c>
      <c r="H37" s="115">
        <v>92132</v>
      </c>
      <c r="I37" s="115">
        <v>76</v>
      </c>
      <c r="J37" s="115">
        <v>-20</v>
      </c>
      <c r="K37" s="115">
        <v>96</v>
      </c>
      <c r="L37" s="116">
        <v>2.31</v>
      </c>
      <c r="M37" s="117">
        <v>7691</v>
      </c>
      <c r="N37" s="109"/>
    </row>
    <row r="38" spans="2:14" ht="24" customHeight="1">
      <c r="B38" s="124"/>
      <c r="C38" s="24" t="s">
        <v>47</v>
      </c>
      <c r="D38" s="13"/>
      <c r="E38" s="8">
        <v>323276</v>
      </c>
      <c r="F38" s="9">
        <v>723101</v>
      </c>
      <c r="G38" s="10">
        <v>361790</v>
      </c>
      <c r="H38" s="10">
        <v>361311</v>
      </c>
      <c r="I38" s="10">
        <v>89</v>
      </c>
      <c r="J38" s="10">
        <v>-88</v>
      </c>
      <c r="K38" s="10">
        <v>177</v>
      </c>
      <c r="L38" s="11">
        <v>2.2400000000000002</v>
      </c>
      <c r="M38" s="12">
        <v>2198</v>
      </c>
      <c r="N38" s="109"/>
    </row>
    <row r="39" spans="2:14" ht="24" customHeight="1">
      <c r="B39" s="110"/>
      <c r="C39" s="125" t="s">
        <v>73</v>
      </c>
      <c r="D39" s="128"/>
      <c r="E39" s="113">
        <v>73518</v>
      </c>
      <c r="F39" s="114">
        <v>171883</v>
      </c>
      <c r="G39" s="115">
        <v>86620</v>
      </c>
      <c r="H39" s="115">
        <v>85263</v>
      </c>
      <c r="I39" s="115">
        <v>-36</v>
      </c>
      <c r="J39" s="115">
        <v>-47</v>
      </c>
      <c r="K39" s="115">
        <v>11</v>
      </c>
      <c r="L39" s="116">
        <v>2.34</v>
      </c>
      <c r="M39" s="117">
        <v>677</v>
      </c>
      <c r="N39" s="109"/>
    </row>
    <row r="40" spans="2:14" ht="24" customHeight="1">
      <c r="B40" s="110"/>
      <c r="C40" s="125" t="s">
        <v>79</v>
      </c>
      <c r="D40" s="112"/>
      <c r="E40" s="113">
        <v>121268</v>
      </c>
      <c r="F40" s="114">
        <v>271930</v>
      </c>
      <c r="G40" s="115">
        <v>136651</v>
      </c>
      <c r="H40" s="115">
        <v>135279</v>
      </c>
      <c r="I40" s="115">
        <v>57</v>
      </c>
      <c r="J40" s="115">
        <v>-14</v>
      </c>
      <c r="K40" s="115">
        <v>71</v>
      </c>
      <c r="L40" s="116">
        <v>2.2400000000000002</v>
      </c>
      <c r="M40" s="117">
        <v>7375</v>
      </c>
      <c r="N40" s="109"/>
    </row>
    <row r="41" spans="2:14" ht="24" customHeight="1">
      <c r="B41" s="110"/>
      <c r="C41" s="125" t="s">
        <v>74</v>
      </c>
      <c r="D41" s="112"/>
      <c r="E41" s="113">
        <v>128490</v>
      </c>
      <c r="F41" s="114">
        <v>279288</v>
      </c>
      <c r="G41" s="115">
        <v>138519</v>
      </c>
      <c r="H41" s="115">
        <v>140769</v>
      </c>
      <c r="I41" s="115">
        <v>68</v>
      </c>
      <c r="J41" s="115">
        <v>-27</v>
      </c>
      <c r="K41" s="115">
        <v>95</v>
      </c>
      <c r="L41" s="116">
        <v>2.17</v>
      </c>
      <c r="M41" s="117">
        <v>7328</v>
      </c>
      <c r="N41" s="109"/>
    </row>
    <row r="42" spans="2:14" ht="23.25" customHeight="1">
      <c r="B42" s="110"/>
      <c r="C42" s="125" t="s">
        <v>40</v>
      </c>
      <c r="D42" s="129"/>
      <c r="E42" s="113">
        <v>167336</v>
      </c>
      <c r="F42" s="114">
        <v>397530</v>
      </c>
      <c r="G42" s="115">
        <v>198398</v>
      </c>
      <c r="H42" s="115">
        <v>199132</v>
      </c>
      <c r="I42" s="115">
        <v>-88</v>
      </c>
      <c r="J42" s="115">
        <v>-194</v>
      </c>
      <c r="K42" s="115">
        <v>106</v>
      </c>
      <c r="L42" s="116">
        <v>2.38</v>
      </c>
      <c r="M42" s="117">
        <v>3943</v>
      </c>
      <c r="N42" s="99"/>
    </row>
    <row r="43" spans="2:14" ht="23.25" customHeight="1">
      <c r="B43" s="110"/>
      <c r="C43" s="125" t="s">
        <v>41</v>
      </c>
      <c r="D43" s="129"/>
      <c r="E43" s="113">
        <v>111077</v>
      </c>
      <c r="F43" s="114">
        <v>258023</v>
      </c>
      <c r="G43" s="115">
        <v>129277</v>
      </c>
      <c r="H43" s="115">
        <v>128746</v>
      </c>
      <c r="I43" s="115">
        <v>19</v>
      </c>
      <c r="J43" s="115">
        <v>-82</v>
      </c>
      <c r="K43" s="115">
        <v>101</v>
      </c>
      <c r="L43" s="116">
        <v>2.3199999999999998</v>
      </c>
      <c r="M43" s="117">
        <v>3805</v>
      </c>
    </row>
    <row r="44" spans="2:14" ht="23.25" customHeight="1">
      <c r="B44" s="110"/>
      <c r="C44" s="125" t="s">
        <v>42</v>
      </c>
      <c r="D44" s="129"/>
      <c r="E44" s="113">
        <v>74294</v>
      </c>
      <c r="F44" s="114">
        <v>172221</v>
      </c>
      <c r="G44" s="115">
        <v>81007</v>
      </c>
      <c r="H44" s="115">
        <v>91214</v>
      </c>
      <c r="I44" s="115">
        <v>-85</v>
      </c>
      <c r="J44" s="115">
        <v>-104</v>
      </c>
      <c r="K44" s="115">
        <v>19</v>
      </c>
      <c r="L44" s="116">
        <v>2.3199999999999998</v>
      </c>
      <c r="M44" s="117">
        <v>4341</v>
      </c>
    </row>
    <row r="45" spans="2:14" ht="23.25" customHeight="1">
      <c r="B45" s="110"/>
      <c r="C45" s="125" t="s">
        <v>43</v>
      </c>
      <c r="D45" s="129"/>
      <c r="E45" s="113">
        <v>188007</v>
      </c>
      <c r="F45" s="114">
        <v>431646</v>
      </c>
      <c r="G45" s="115">
        <v>213386</v>
      </c>
      <c r="H45" s="115">
        <v>218260</v>
      </c>
      <c r="I45" s="115">
        <v>360</v>
      </c>
      <c r="J45" s="115">
        <v>12</v>
      </c>
      <c r="K45" s="115">
        <v>348</v>
      </c>
      <c r="L45" s="116">
        <v>2.2999999999999998</v>
      </c>
      <c r="M45" s="117">
        <v>6204</v>
      </c>
    </row>
    <row r="46" spans="2:14" ht="23.25" customHeight="1">
      <c r="B46" s="104"/>
      <c r="C46" s="125" t="s">
        <v>44</v>
      </c>
      <c r="D46" s="129"/>
      <c r="E46" s="113">
        <v>81166</v>
      </c>
      <c r="F46" s="114">
        <v>191122</v>
      </c>
      <c r="G46" s="115">
        <v>92990</v>
      </c>
      <c r="H46" s="115">
        <v>98132</v>
      </c>
      <c r="I46" s="115">
        <v>-59</v>
      </c>
      <c r="J46" s="115">
        <v>-80</v>
      </c>
      <c r="K46" s="115">
        <v>21</v>
      </c>
      <c r="L46" s="116">
        <v>2.35</v>
      </c>
      <c r="M46" s="117">
        <v>1679</v>
      </c>
    </row>
    <row r="47" spans="2:14" ht="23.25" customHeight="1">
      <c r="B47" s="104"/>
      <c r="C47" s="125" t="s">
        <v>45</v>
      </c>
      <c r="D47" s="130"/>
      <c r="E47" s="113">
        <v>101941</v>
      </c>
      <c r="F47" s="114">
        <v>242048</v>
      </c>
      <c r="G47" s="115">
        <v>117926</v>
      </c>
      <c r="H47" s="115">
        <v>124122</v>
      </c>
      <c r="I47" s="115">
        <v>45</v>
      </c>
      <c r="J47" s="115">
        <v>-33</v>
      </c>
      <c r="K47" s="115">
        <v>78</v>
      </c>
      <c r="L47" s="116">
        <v>2.37</v>
      </c>
      <c r="M47" s="117">
        <v>6780</v>
      </c>
    </row>
    <row r="48" spans="2:14" ht="23.25" customHeight="1">
      <c r="B48" s="104"/>
      <c r="C48" s="125" t="s">
        <v>46</v>
      </c>
      <c r="D48" s="130"/>
      <c r="E48" s="113">
        <v>24550</v>
      </c>
      <c r="F48" s="114">
        <v>57090</v>
      </c>
      <c r="G48" s="115">
        <v>26682</v>
      </c>
      <c r="H48" s="115">
        <v>30408</v>
      </c>
      <c r="I48" s="115">
        <v>-35</v>
      </c>
      <c r="J48" s="115">
        <v>-22</v>
      </c>
      <c r="K48" s="115">
        <v>-13</v>
      </c>
      <c r="L48" s="116">
        <v>2.33</v>
      </c>
      <c r="M48" s="117">
        <v>3304</v>
      </c>
    </row>
    <row r="49" spans="2:13" ht="23.25" customHeight="1">
      <c r="B49" s="104"/>
      <c r="C49" s="125" t="s">
        <v>48</v>
      </c>
      <c r="D49" s="130"/>
      <c r="E49" s="113">
        <v>17482</v>
      </c>
      <c r="F49" s="114">
        <v>43121</v>
      </c>
      <c r="G49" s="115">
        <v>20688</v>
      </c>
      <c r="H49" s="115">
        <v>22433</v>
      </c>
      <c r="I49" s="115">
        <v>-42</v>
      </c>
      <c r="J49" s="115">
        <v>-47</v>
      </c>
      <c r="K49" s="115">
        <v>5</v>
      </c>
      <c r="L49" s="116">
        <v>2.4700000000000002</v>
      </c>
      <c r="M49" s="117">
        <v>1345</v>
      </c>
    </row>
    <row r="50" spans="2:13" ht="23.25" customHeight="1">
      <c r="B50" s="104"/>
      <c r="C50" s="125" t="s">
        <v>49</v>
      </c>
      <c r="D50" s="130"/>
      <c r="E50" s="113">
        <v>71422</v>
      </c>
      <c r="F50" s="114">
        <v>165463</v>
      </c>
      <c r="G50" s="115">
        <v>84658</v>
      </c>
      <c r="H50" s="115">
        <v>80805</v>
      </c>
      <c r="I50" s="115">
        <v>70</v>
      </c>
      <c r="J50" s="115">
        <v>-71</v>
      </c>
      <c r="K50" s="115">
        <v>141</v>
      </c>
      <c r="L50" s="116">
        <v>2.3199999999999998</v>
      </c>
      <c r="M50" s="117">
        <v>1595</v>
      </c>
    </row>
    <row r="51" spans="2:13" ht="23.25" customHeight="1">
      <c r="B51" s="104"/>
      <c r="C51" s="125" t="s">
        <v>50</v>
      </c>
      <c r="D51" s="130"/>
      <c r="E51" s="113">
        <v>99485</v>
      </c>
      <c r="F51" s="114">
        <v>225345</v>
      </c>
      <c r="G51" s="115">
        <v>116557</v>
      </c>
      <c r="H51" s="115">
        <v>108788</v>
      </c>
      <c r="I51" s="115">
        <v>141</v>
      </c>
      <c r="J51" s="115">
        <v>-44</v>
      </c>
      <c r="K51" s="115">
        <v>185</v>
      </c>
      <c r="L51" s="116">
        <v>2.27</v>
      </c>
      <c r="M51" s="117">
        <v>2401</v>
      </c>
    </row>
    <row r="52" spans="2:13" ht="23.25" customHeight="1">
      <c r="B52" s="104"/>
      <c r="C52" s="125" t="s">
        <v>51</v>
      </c>
      <c r="D52" s="130"/>
      <c r="E52" s="113">
        <v>106427</v>
      </c>
      <c r="F52" s="114">
        <v>235932</v>
      </c>
      <c r="G52" s="115">
        <v>117902</v>
      </c>
      <c r="H52" s="115">
        <v>118030</v>
      </c>
      <c r="I52" s="115">
        <v>86</v>
      </c>
      <c r="J52" s="115">
        <v>-3</v>
      </c>
      <c r="K52" s="115">
        <v>89</v>
      </c>
      <c r="L52" s="116">
        <v>2.2200000000000002</v>
      </c>
      <c r="M52" s="117">
        <v>8709</v>
      </c>
    </row>
    <row r="53" spans="2:13" ht="23.25" customHeight="1">
      <c r="B53" s="104"/>
      <c r="C53" s="125" t="s">
        <v>52</v>
      </c>
      <c r="D53" s="130"/>
      <c r="E53" s="113">
        <v>45114</v>
      </c>
      <c r="F53" s="114">
        <v>102473</v>
      </c>
      <c r="G53" s="115">
        <v>51985</v>
      </c>
      <c r="H53" s="115">
        <v>50488</v>
      </c>
      <c r="I53" s="115">
        <v>3</v>
      </c>
      <c r="J53" s="115">
        <v>-8</v>
      </c>
      <c r="K53" s="115">
        <v>11</v>
      </c>
      <c r="L53" s="116">
        <v>2.27</v>
      </c>
      <c r="M53" s="117">
        <v>1844</v>
      </c>
    </row>
    <row r="54" spans="2:13" ht="23.25" customHeight="1">
      <c r="B54" s="104"/>
      <c r="C54" s="125" t="s">
        <v>53</v>
      </c>
      <c r="D54" s="130"/>
      <c r="E54" s="113">
        <v>56322</v>
      </c>
      <c r="F54" s="114">
        <v>132718</v>
      </c>
      <c r="G54" s="115">
        <v>66836</v>
      </c>
      <c r="H54" s="115">
        <v>65882</v>
      </c>
      <c r="I54" s="115">
        <v>77</v>
      </c>
      <c r="J54" s="115">
        <v>-22</v>
      </c>
      <c r="K54" s="115">
        <v>99</v>
      </c>
      <c r="L54" s="116">
        <v>2.36</v>
      </c>
      <c r="M54" s="117">
        <v>4991</v>
      </c>
    </row>
    <row r="55" spans="2:13" ht="23.25" customHeight="1">
      <c r="B55" s="104"/>
      <c r="C55" s="125" t="s">
        <v>54</v>
      </c>
      <c r="D55" s="130"/>
      <c r="E55" s="113">
        <v>58177</v>
      </c>
      <c r="F55" s="114">
        <v>129703</v>
      </c>
      <c r="G55" s="115">
        <v>64717</v>
      </c>
      <c r="H55" s="115">
        <v>64986</v>
      </c>
      <c r="I55" s="115">
        <v>278</v>
      </c>
      <c r="J55" s="115">
        <v>-19</v>
      </c>
      <c r="K55" s="115">
        <v>297</v>
      </c>
      <c r="L55" s="116">
        <v>2.23</v>
      </c>
      <c r="M55" s="117">
        <v>7382</v>
      </c>
    </row>
    <row r="56" spans="2:13" ht="23.25" customHeight="1">
      <c r="B56" s="104"/>
      <c r="C56" s="125" t="s">
        <v>55</v>
      </c>
      <c r="D56" s="130"/>
      <c r="E56" s="113">
        <v>16530</v>
      </c>
      <c r="F56" s="114">
        <v>42249</v>
      </c>
      <c r="G56" s="115">
        <v>20792</v>
      </c>
      <c r="H56" s="115">
        <v>21457</v>
      </c>
      <c r="I56" s="115">
        <v>-62</v>
      </c>
      <c r="J56" s="115">
        <v>-5</v>
      </c>
      <c r="K56" s="115">
        <v>-57</v>
      </c>
      <c r="L56" s="116">
        <v>2.56</v>
      </c>
      <c r="M56" s="117">
        <v>548</v>
      </c>
    </row>
    <row r="57" spans="2:13" ht="23.25" customHeight="1">
      <c r="B57" s="104"/>
      <c r="C57" s="125" t="s">
        <v>56</v>
      </c>
      <c r="D57" s="130"/>
      <c r="E57" s="113">
        <v>34443</v>
      </c>
      <c r="F57" s="114">
        <v>84176</v>
      </c>
      <c r="G57" s="115">
        <v>42849</v>
      </c>
      <c r="H57" s="115">
        <v>41327</v>
      </c>
      <c r="I57" s="115">
        <v>-53</v>
      </c>
      <c r="J57" s="115">
        <v>-9</v>
      </c>
      <c r="K57" s="115">
        <v>-44</v>
      </c>
      <c r="L57" s="116">
        <v>2.44</v>
      </c>
      <c r="M57" s="117">
        <v>3802</v>
      </c>
    </row>
    <row r="58" spans="2:13" ht="23.25" customHeight="1">
      <c r="B58" s="104"/>
      <c r="C58" s="126" t="s">
        <v>143</v>
      </c>
      <c r="D58" s="130"/>
      <c r="E58" s="113">
        <v>12671</v>
      </c>
      <c r="F58" s="114">
        <v>31834</v>
      </c>
      <c r="G58" s="115">
        <v>15054</v>
      </c>
      <c r="H58" s="115">
        <v>16780</v>
      </c>
      <c r="I58" s="115">
        <v>-24</v>
      </c>
      <c r="J58" s="115">
        <v>-18</v>
      </c>
      <c r="K58" s="115">
        <v>-6</v>
      </c>
      <c r="L58" s="116">
        <v>2.5099999999999998</v>
      </c>
      <c r="M58" s="117">
        <v>1868</v>
      </c>
    </row>
    <row r="59" spans="2:13" ht="23.25" customHeight="1">
      <c r="B59" s="104"/>
      <c r="C59" s="126" t="s">
        <v>144</v>
      </c>
      <c r="D59" s="130"/>
      <c r="E59" s="113">
        <v>19536</v>
      </c>
      <c r="F59" s="114">
        <v>48216</v>
      </c>
      <c r="G59" s="115">
        <v>24420</v>
      </c>
      <c r="H59" s="115">
        <v>23796</v>
      </c>
      <c r="I59" s="115">
        <v>-16</v>
      </c>
      <c r="J59" s="115">
        <v>-23</v>
      </c>
      <c r="K59" s="115">
        <v>7</v>
      </c>
      <c r="L59" s="116">
        <v>2.4700000000000002</v>
      </c>
      <c r="M59" s="117">
        <v>3614</v>
      </c>
    </row>
    <row r="60" spans="2:13" ht="23.25" customHeight="1">
      <c r="B60" s="131"/>
      <c r="C60" s="24" t="s">
        <v>57</v>
      </c>
      <c r="D60" s="15"/>
      <c r="E60" s="8">
        <v>23997</v>
      </c>
      <c r="F60" s="9">
        <v>59368</v>
      </c>
      <c r="G60" s="10">
        <v>28816</v>
      </c>
      <c r="H60" s="10">
        <v>30552</v>
      </c>
      <c r="I60" s="10">
        <v>-18</v>
      </c>
      <c r="J60" s="10">
        <v>-29</v>
      </c>
      <c r="K60" s="10">
        <v>11</v>
      </c>
      <c r="L60" s="11">
        <v>2.4700000000000002</v>
      </c>
      <c r="M60" s="12">
        <v>2262</v>
      </c>
    </row>
    <row r="61" spans="2:13" ht="23.25" customHeight="1">
      <c r="B61" s="104"/>
      <c r="C61" s="125" t="s">
        <v>58</v>
      </c>
      <c r="D61" s="130"/>
      <c r="E61" s="113">
        <v>12614</v>
      </c>
      <c r="F61" s="114">
        <v>31459</v>
      </c>
      <c r="G61" s="115">
        <v>15363</v>
      </c>
      <c r="H61" s="115">
        <v>16096</v>
      </c>
      <c r="I61" s="115">
        <v>-8</v>
      </c>
      <c r="J61" s="115">
        <v>-15</v>
      </c>
      <c r="K61" s="115">
        <v>7</v>
      </c>
      <c r="L61" s="116">
        <v>2.4900000000000002</v>
      </c>
      <c r="M61" s="117">
        <v>1831</v>
      </c>
    </row>
    <row r="62" spans="2:13" ht="23.25" customHeight="1">
      <c r="B62" s="104"/>
      <c r="C62" s="125" t="s">
        <v>59</v>
      </c>
      <c r="D62" s="130"/>
      <c r="E62" s="113">
        <v>11383</v>
      </c>
      <c r="F62" s="114">
        <v>27909</v>
      </c>
      <c r="G62" s="115">
        <v>13453</v>
      </c>
      <c r="H62" s="115">
        <v>14456</v>
      </c>
      <c r="I62" s="115">
        <v>-10</v>
      </c>
      <c r="J62" s="115">
        <v>-14</v>
      </c>
      <c r="K62" s="115">
        <v>4</v>
      </c>
      <c r="L62" s="116">
        <v>2.4500000000000002</v>
      </c>
      <c r="M62" s="117">
        <v>3074</v>
      </c>
    </row>
    <row r="63" spans="2:13" ht="23.25" customHeight="1">
      <c r="B63" s="131"/>
      <c r="C63" s="24" t="s">
        <v>60</v>
      </c>
      <c r="D63" s="15"/>
      <c r="E63" s="8">
        <v>24856</v>
      </c>
      <c r="F63" s="9">
        <v>65047</v>
      </c>
      <c r="G63" s="10">
        <v>32090</v>
      </c>
      <c r="H63" s="10">
        <v>32957</v>
      </c>
      <c r="I63" s="10">
        <v>-11</v>
      </c>
      <c r="J63" s="10">
        <v>-29</v>
      </c>
      <c r="K63" s="10">
        <v>18</v>
      </c>
      <c r="L63" s="11">
        <v>2.62</v>
      </c>
      <c r="M63" s="12">
        <v>214</v>
      </c>
    </row>
    <row r="64" spans="2:13" ht="23.25" customHeight="1">
      <c r="B64" s="104"/>
      <c r="C64" s="125" t="s">
        <v>61</v>
      </c>
      <c r="D64" s="130"/>
      <c r="E64" s="113">
        <v>3426</v>
      </c>
      <c r="F64" s="114">
        <v>9453</v>
      </c>
      <c r="G64" s="115">
        <v>4743</v>
      </c>
      <c r="H64" s="115">
        <v>4710</v>
      </c>
      <c r="I64" s="115">
        <v>0</v>
      </c>
      <c r="J64" s="115">
        <v>-3</v>
      </c>
      <c r="K64" s="115">
        <v>3</v>
      </c>
      <c r="L64" s="116">
        <v>2.76</v>
      </c>
      <c r="M64" s="117">
        <v>473</v>
      </c>
    </row>
    <row r="65" spans="2:13" ht="23.25" customHeight="1">
      <c r="B65" s="104"/>
      <c r="C65" s="125" t="s">
        <v>62</v>
      </c>
      <c r="D65" s="130"/>
      <c r="E65" s="113">
        <v>6415</v>
      </c>
      <c r="F65" s="114">
        <v>17004</v>
      </c>
      <c r="G65" s="115">
        <v>8464</v>
      </c>
      <c r="H65" s="115">
        <v>8540</v>
      </c>
      <c r="I65" s="115">
        <v>31</v>
      </c>
      <c r="J65" s="115">
        <v>-2</v>
      </c>
      <c r="K65" s="115">
        <v>33</v>
      </c>
      <c r="L65" s="116">
        <v>2.65</v>
      </c>
      <c r="M65" s="117">
        <v>1182</v>
      </c>
    </row>
    <row r="66" spans="2:13" ht="23.25" customHeight="1">
      <c r="B66" s="104"/>
      <c r="C66" s="125" t="s">
        <v>63</v>
      </c>
      <c r="D66" s="130"/>
      <c r="E66" s="113">
        <v>4545</v>
      </c>
      <c r="F66" s="114">
        <v>10949</v>
      </c>
      <c r="G66" s="115">
        <v>5398</v>
      </c>
      <c r="H66" s="115">
        <v>5551</v>
      </c>
      <c r="I66" s="115">
        <v>-26</v>
      </c>
      <c r="J66" s="115">
        <v>-5</v>
      </c>
      <c r="K66" s="115">
        <v>-21</v>
      </c>
      <c r="L66" s="116">
        <v>2.41</v>
      </c>
      <c r="M66" s="117">
        <v>290</v>
      </c>
    </row>
    <row r="67" spans="2:13" ht="23.25" customHeight="1">
      <c r="B67" s="104"/>
      <c r="C67" s="125" t="s">
        <v>64</v>
      </c>
      <c r="D67" s="130"/>
      <c r="E67" s="113">
        <v>3823</v>
      </c>
      <c r="F67" s="114">
        <v>9883</v>
      </c>
      <c r="G67" s="115">
        <v>4845</v>
      </c>
      <c r="H67" s="115">
        <v>5038</v>
      </c>
      <c r="I67" s="115">
        <v>-40</v>
      </c>
      <c r="J67" s="115">
        <v>-10</v>
      </c>
      <c r="K67" s="115">
        <v>-30</v>
      </c>
      <c r="L67" s="116">
        <v>2.59</v>
      </c>
      <c r="M67" s="117">
        <v>44</v>
      </c>
    </row>
    <row r="68" spans="2:13" ht="23.25" customHeight="1">
      <c r="B68" s="104"/>
      <c r="C68" s="125" t="s">
        <v>65</v>
      </c>
      <c r="D68" s="130"/>
      <c r="E68" s="113">
        <v>6647</v>
      </c>
      <c r="F68" s="114">
        <v>17758</v>
      </c>
      <c r="G68" s="115">
        <v>8640</v>
      </c>
      <c r="H68" s="115">
        <v>9118</v>
      </c>
      <c r="I68" s="115">
        <v>24</v>
      </c>
      <c r="J68" s="115">
        <v>-9</v>
      </c>
      <c r="K68" s="115">
        <v>33</v>
      </c>
      <c r="L68" s="116">
        <v>2.67</v>
      </c>
      <c r="M68" s="117">
        <v>2711</v>
      </c>
    </row>
    <row r="69" spans="2:13" ht="23.25" customHeight="1">
      <c r="B69" s="131"/>
      <c r="C69" s="24" t="s">
        <v>66</v>
      </c>
      <c r="D69" s="15"/>
      <c r="E69" s="8">
        <v>20093</v>
      </c>
      <c r="F69" s="9">
        <v>42472</v>
      </c>
      <c r="G69" s="10">
        <v>19878</v>
      </c>
      <c r="H69" s="10">
        <v>22594</v>
      </c>
      <c r="I69" s="10">
        <v>-42</v>
      </c>
      <c r="J69" s="10">
        <v>-30</v>
      </c>
      <c r="K69" s="10">
        <v>-12</v>
      </c>
      <c r="L69" s="11">
        <v>2.11</v>
      </c>
      <c r="M69" s="12">
        <v>301</v>
      </c>
    </row>
    <row r="70" spans="2:13" ht="23.25" customHeight="1">
      <c r="B70" s="104"/>
      <c r="C70" s="125" t="s">
        <v>67</v>
      </c>
      <c r="D70" s="130"/>
      <c r="E70" s="113">
        <v>6171</v>
      </c>
      <c r="F70" s="114">
        <v>11361</v>
      </c>
      <c r="G70" s="115">
        <v>5408</v>
      </c>
      <c r="H70" s="115">
        <v>5953</v>
      </c>
      <c r="I70" s="115">
        <v>-28</v>
      </c>
      <c r="J70" s="115">
        <v>-8</v>
      </c>
      <c r="K70" s="115">
        <v>-20</v>
      </c>
      <c r="L70" s="116">
        <v>1.84</v>
      </c>
      <c r="M70" s="117">
        <v>122</v>
      </c>
    </row>
    <row r="71" spans="2:13" ht="23.25" customHeight="1">
      <c r="B71" s="104"/>
      <c r="C71" s="125" t="s">
        <v>68</v>
      </c>
      <c r="D71" s="130"/>
      <c r="E71" s="113">
        <v>3053</v>
      </c>
      <c r="F71" s="114">
        <v>6941</v>
      </c>
      <c r="G71" s="115">
        <v>3247</v>
      </c>
      <c r="H71" s="115">
        <v>3694</v>
      </c>
      <c r="I71" s="115">
        <v>-19</v>
      </c>
      <c r="J71" s="115">
        <v>-7</v>
      </c>
      <c r="K71" s="115">
        <v>-12</v>
      </c>
      <c r="L71" s="116">
        <v>2.27</v>
      </c>
      <c r="M71" s="117">
        <v>985</v>
      </c>
    </row>
    <row r="72" spans="2:13" ht="23.25" customHeight="1">
      <c r="B72" s="104"/>
      <c r="C72" s="125" t="s">
        <v>145</v>
      </c>
      <c r="D72" s="130"/>
      <c r="E72" s="113">
        <v>10869</v>
      </c>
      <c r="F72" s="114">
        <v>24170</v>
      </c>
      <c r="G72" s="115">
        <v>11223</v>
      </c>
      <c r="H72" s="115">
        <v>12947</v>
      </c>
      <c r="I72" s="115">
        <v>5</v>
      </c>
      <c r="J72" s="115">
        <v>-15</v>
      </c>
      <c r="K72" s="115">
        <v>20</v>
      </c>
      <c r="L72" s="116">
        <v>2.2200000000000002</v>
      </c>
      <c r="M72" s="117">
        <v>590</v>
      </c>
    </row>
    <row r="73" spans="2:13" ht="23.25" customHeight="1">
      <c r="B73" s="131"/>
      <c r="C73" s="24" t="s">
        <v>69</v>
      </c>
      <c r="D73" s="15"/>
      <c r="E73" s="8">
        <v>17717</v>
      </c>
      <c r="F73" s="9">
        <v>42888</v>
      </c>
      <c r="G73" s="10">
        <v>22312</v>
      </c>
      <c r="H73" s="10">
        <v>20576</v>
      </c>
      <c r="I73" s="10">
        <v>-27</v>
      </c>
      <c r="J73" s="10">
        <v>-16</v>
      </c>
      <c r="K73" s="10">
        <v>-11</v>
      </c>
      <c r="L73" s="11">
        <v>2.42</v>
      </c>
      <c r="M73" s="12">
        <v>406</v>
      </c>
    </row>
    <row r="74" spans="2:13" ht="23.25" customHeight="1">
      <c r="B74" s="104"/>
      <c r="C74" s="125" t="s">
        <v>70</v>
      </c>
      <c r="D74" s="130"/>
      <c r="E74" s="113">
        <v>16567</v>
      </c>
      <c r="F74" s="114">
        <v>39746</v>
      </c>
      <c r="G74" s="115">
        <v>20709</v>
      </c>
      <c r="H74" s="115">
        <v>19037</v>
      </c>
      <c r="I74" s="115">
        <v>-26</v>
      </c>
      <c r="J74" s="115">
        <v>-14</v>
      </c>
      <c r="K74" s="115">
        <v>-12</v>
      </c>
      <c r="L74" s="116">
        <v>2.4</v>
      </c>
      <c r="M74" s="117">
        <v>1159</v>
      </c>
    </row>
    <row r="75" spans="2:13" ht="23.25" customHeight="1">
      <c r="B75" s="104"/>
      <c r="C75" s="125" t="s">
        <v>71</v>
      </c>
      <c r="D75" s="130"/>
      <c r="E75" s="113">
        <v>1150</v>
      </c>
      <c r="F75" s="114">
        <v>3142</v>
      </c>
      <c r="G75" s="115">
        <v>1603</v>
      </c>
      <c r="H75" s="115">
        <v>1539</v>
      </c>
      <c r="I75" s="115">
        <v>-1</v>
      </c>
      <c r="J75" s="115">
        <v>-2</v>
      </c>
      <c r="K75" s="115">
        <v>1</v>
      </c>
      <c r="L75" s="116">
        <v>2.73</v>
      </c>
      <c r="M75" s="117">
        <v>44</v>
      </c>
    </row>
    <row r="76" spans="2:13" ht="14.25" thickBot="1">
      <c r="B76" s="145"/>
      <c r="C76" s="174"/>
      <c r="D76" s="174"/>
      <c r="E76" s="146"/>
      <c r="F76" s="147"/>
      <c r="G76" s="147"/>
      <c r="H76" s="147"/>
      <c r="I76" s="147"/>
      <c r="J76" s="147"/>
      <c r="K76" s="147"/>
      <c r="L76" s="147"/>
      <c r="M76" s="175"/>
    </row>
    <row r="77" spans="2:13">
      <c r="M77" s="137" t="s">
        <v>146</v>
      </c>
    </row>
  </sheetData>
  <mergeCells count="2">
    <mergeCell ref="C4:C5"/>
    <mergeCell ref="E4:E5"/>
  </mergeCells>
  <phoneticPr fontId="7"/>
  <printOptions horizontalCentered="1" gridLinesSet="0"/>
  <pageMargins left="0.23622047244094491" right="0.23622047244094491" top="0.74803149606299213" bottom="0.74803149606299213" header="0.31496062992125984" footer="0.31496062992125984"/>
  <pageSetup paperSize="9" scale="78" orientation="portrait" r:id="rId1"/>
  <headerFooter alignWithMargins="0"/>
  <rowBreaks count="1" manualBreakCount="1">
    <brk id="41" min="1" max="12" man="1"/>
  </row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A1" transitionEvaluation="1"/>
  <dimension ref="B1:O77"/>
  <sheetViews>
    <sheetView view="pageBreakPreview" zoomScale="75" zoomScaleNormal="100" zoomScaleSheetLayoutView="75" workbookViewId="0"/>
  </sheetViews>
  <sheetFormatPr defaultColWidth="12.125" defaultRowHeight="13.5"/>
  <cols>
    <col min="1" max="1" width="12.125" style="80" customWidth="1"/>
    <col min="2" max="2" width="1.625" style="80" customWidth="1"/>
    <col min="3" max="3" width="12.375" style="5" customWidth="1"/>
    <col min="4" max="4" width="1.625" style="5" customWidth="1"/>
    <col min="5" max="8" width="12.625" style="5" customWidth="1"/>
    <col min="9" max="13" width="10.625" style="5" customWidth="1"/>
    <col min="14" max="14" width="19" style="80" customWidth="1"/>
    <col min="15" max="15" width="16.75" style="80" customWidth="1"/>
    <col min="16" max="19" width="14.375" style="80" customWidth="1"/>
    <col min="20" max="16384" width="12.125" style="80"/>
  </cols>
  <sheetData>
    <row r="1" spans="2:15" ht="24">
      <c r="C1" s="81" t="s">
        <v>9</v>
      </c>
      <c r="D1" s="82"/>
      <c r="E1" s="83"/>
      <c r="F1" s="84"/>
      <c r="G1" s="84"/>
      <c r="H1" s="84"/>
      <c r="I1" s="84"/>
      <c r="J1" s="84"/>
      <c r="K1" s="84"/>
      <c r="L1" s="84"/>
      <c r="M1" s="85"/>
    </row>
    <row r="3" spans="2:15" ht="21.95" customHeight="1" thickBot="1">
      <c r="C3" s="176" t="s">
        <v>147</v>
      </c>
      <c r="D3" s="177"/>
      <c r="E3" s="178"/>
      <c r="F3" s="178"/>
      <c r="G3" s="178"/>
      <c r="H3" s="178"/>
      <c r="I3" s="178"/>
      <c r="J3" s="178"/>
      <c r="K3" s="178"/>
      <c r="L3" s="178"/>
      <c r="M3" s="179" t="s">
        <v>86</v>
      </c>
    </row>
    <row r="4" spans="2:15" ht="18" customHeight="1">
      <c r="B4" s="90"/>
      <c r="C4" s="202" t="s">
        <v>10</v>
      </c>
      <c r="D4" s="91"/>
      <c r="E4" s="204" t="s">
        <v>11</v>
      </c>
      <c r="F4" s="92" t="s">
        <v>6</v>
      </c>
      <c r="G4" s="93"/>
      <c r="H4" s="94" t="s">
        <v>7</v>
      </c>
      <c r="I4" s="95" t="s">
        <v>72</v>
      </c>
      <c r="J4" s="96"/>
      <c r="K4" s="96"/>
      <c r="L4" s="97" t="s">
        <v>0</v>
      </c>
      <c r="M4" s="98" t="s">
        <v>3</v>
      </c>
      <c r="N4" s="99"/>
    </row>
    <row r="5" spans="2:15" ht="18" customHeight="1" thickBot="1">
      <c r="B5" s="159"/>
      <c r="C5" s="212"/>
      <c r="D5" s="171"/>
      <c r="E5" s="205"/>
      <c r="F5" s="172" t="s">
        <v>12</v>
      </c>
      <c r="G5" s="172" t="s">
        <v>1</v>
      </c>
      <c r="H5" s="172" t="s">
        <v>2</v>
      </c>
      <c r="I5" s="172" t="s">
        <v>5</v>
      </c>
      <c r="J5" s="172" t="s">
        <v>13</v>
      </c>
      <c r="K5" s="172" t="s">
        <v>14</v>
      </c>
      <c r="L5" s="172" t="s">
        <v>4</v>
      </c>
      <c r="M5" s="173" t="s">
        <v>15</v>
      </c>
      <c r="N5" s="99"/>
    </row>
    <row r="6" spans="2:15" ht="18" customHeight="1">
      <c r="B6" s="104"/>
      <c r="C6" s="105"/>
      <c r="D6" s="105"/>
      <c r="E6" s="106" t="s">
        <v>8</v>
      </c>
      <c r="F6" s="107" t="s">
        <v>6</v>
      </c>
      <c r="G6" s="107" t="s">
        <v>6</v>
      </c>
      <c r="H6" s="107" t="s">
        <v>6</v>
      </c>
      <c r="I6" s="107" t="s">
        <v>6</v>
      </c>
      <c r="J6" s="107" t="s">
        <v>6</v>
      </c>
      <c r="K6" s="107" t="s">
        <v>6</v>
      </c>
      <c r="L6" s="107" t="s">
        <v>6</v>
      </c>
      <c r="M6" s="108" t="s">
        <v>6</v>
      </c>
      <c r="N6" s="99"/>
    </row>
    <row r="7" spans="2:15" ht="24" customHeight="1">
      <c r="B7" s="16"/>
      <c r="C7" s="23" t="s">
        <v>84</v>
      </c>
      <c r="D7" s="17"/>
      <c r="E7" s="18">
        <v>4117592</v>
      </c>
      <c r="F7" s="19">
        <v>9182071</v>
      </c>
      <c r="G7" s="20">
        <v>4578260</v>
      </c>
      <c r="H7" s="20">
        <v>4603811</v>
      </c>
      <c r="I7" s="20">
        <v>-1186</v>
      </c>
      <c r="J7" s="20">
        <v>-1310</v>
      </c>
      <c r="K7" s="20">
        <v>124</v>
      </c>
      <c r="L7" s="21">
        <v>2.23</v>
      </c>
      <c r="M7" s="22">
        <v>3800</v>
      </c>
      <c r="N7" s="109"/>
    </row>
    <row r="8" spans="2:15" ht="24" customHeight="1">
      <c r="B8" s="110"/>
      <c r="C8" s="111" t="s">
        <v>101</v>
      </c>
      <c r="D8" s="112"/>
      <c r="E8" s="113">
        <v>3998739</v>
      </c>
      <c r="F8" s="114">
        <v>8892448</v>
      </c>
      <c r="G8" s="115">
        <v>4435769</v>
      </c>
      <c r="H8" s="115">
        <v>4456679</v>
      </c>
      <c r="I8" s="115">
        <v>-984</v>
      </c>
      <c r="J8" s="115">
        <v>-1176</v>
      </c>
      <c r="K8" s="115">
        <v>192</v>
      </c>
      <c r="L8" s="116">
        <v>2.2200000000000002</v>
      </c>
      <c r="M8" s="117">
        <v>4913</v>
      </c>
      <c r="N8" s="109"/>
    </row>
    <row r="9" spans="2:15" ht="24" customHeight="1">
      <c r="B9" s="110"/>
      <c r="C9" s="111" t="s">
        <v>16</v>
      </c>
      <c r="D9" s="112"/>
      <c r="E9" s="113">
        <v>118853</v>
      </c>
      <c r="F9" s="114">
        <v>289623</v>
      </c>
      <c r="G9" s="115">
        <v>142491</v>
      </c>
      <c r="H9" s="115">
        <v>147132</v>
      </c>
      <c r="I9" s="115">
        <v>-202</v>
      </c>
      <c r="J9" s="115">
        <v>-134</v>
      </c>
      <c r="K9" s="115">
        <v>-68</v>
      </c>
      <c r="L9" s="116">
        <v>2.44</v>
      </c>
      <c r="M9" s="117">
        <v>478</v>
      </c>
      <c r="N9" s="109"/>
      <c r="O9" s="109"/>
    </row>
    <row r="10" spans="2:15" ht="24" customHeight="1">
      <c r="B10" s="110"/>
      <c r="C10" s="118"/>
      <c r="D10" s="118"/>
      <c r="E10" s="119"/>
      <c r="F10" s="120"/>
      <c r="G10" s="121"/>
      <c r="H10" s="121"/>
      <c r="I10" s="121"/>
      <c r="J10" s="121"/>
      <c r="K10" s="121"/>
      <c r="L10" s="122"/>
      <c r="M10" s="123"/>
      <c r="N10" s="109"/>
    </row>
    <row r="11" spans="2:15" ht="24" customHeight="1">
      <c r="B11" s="124"/>
      <c r="C11" s="24" t="s">
        <v>17</v>
      </c>
      <c r="D11" s="7"/>
      <c r="E11" s="8">
        <v>1692526</v>
      </c>
      <c r="F11" s="9">
        <v>3741255</v>
      </c>
      <c r="G11" s="10">
        <v>1859111</v>
      </c>
      <c r="H11" s="10">
        <v>1882144</v>
      </c>
      <c r="I11" s="10">
        <v>-510</v>
      </c>
      <c r="J11" s="10">
        <v>-403</v>
      </c>
      <c r="K11" s="10">
        <v>-107</v>
      </c>
      <c r="L11" s="11">
        <v>2.21</v>
      </c>
      <c r="M11" s="12">
        <v>8550</v>
      </c>
      <c r="N11" s="109"/>
    </row>
    <row r="12" spans="2:15" ht="24" customHeight="1">
      <c r="B12" s="110"/>
      <c r="C12" s="125" t="s">
        <v>18</v>
      </c>
      <c r="D12" s="112"/>
      <c r="E12" s="113">
        <v>138050</v>
      </c>
      <c r="F12" s="114">
        <v>291084</v>
      </c>
      <c r="G12" s="115">
        <v>150301</v>
      </c>
      <c r="H12" s="115">
        <v>140783</v>
      </c>
      <c r="I12" s="115">
        <v>90</v>
      </c>
      <c r="J12" s="115">
        <v>25</v>
      </c>
      <c r="K12" s="115">
        <v>65</v>
      </c>
      <c r="L12" s="116">
        <v>2.11</v>
      </c>
      <c r="M12" s="117">
        <v>8760</v>
      </c>
      <c r="N12" s="109"/>
    </row>
    <row r="13" spans="2:15" ht="24" customHeight="1">
      <c r="B13" s="110"/>
      <c r="C13" s="126" t="s">
        <v>102</v>
      </c>
      <c r="D13" s="112"/>
      <c r="E13" s="113">
        <v>124195</v>
      </c>
      <c r="F13" s="114">
        <v>243377</v>
      </c>
      <c r="G13" s="115">
        <v>123446</v>
      </c>
      <c r="H13" s="115">
        <v>119931</v>
      </c>
      <c r="I13" s="115">
        <v>-66</v>
      </c>
      <c r="J13" s="115">
        <v>-14</v>
      </c>
      <c r="K13" s="115">
        <v>-52</v>
      </c>
      <c r="L13" s="116">
        <v>1.96</v>
      </c>
      <c r="M13" s="117">
        <v>10256</v>
      </c>
      <c r="N13" s="109"/>
    </row>
    <row r="14" spans="2:15" ht="24" customHeight="1">
      <c r="B14" s="110"/>
      <c r="C14" s="125" t="s">
        <v>19</v>
      </c>
      <c r="D14" s="112"/>
      <c r="E14" s="113">
        <v>54606</v>
      </c>
      <c r="F14" s="114">
        <v>102376</v>
      </c>
      <c r="G14" s="115">
        <v>51817</v>
      </c>
      <c r="H14" s="115">
        <v>50559</v>
      </c>
      <c r="I14" s="115">
        <v>78</v>
      </c>
      <c r="J14" s="115">
        <v>8</v>
      </c>
      <c r="K14" s="115">
        <v>70</v>
      </c>
      <c r="L14" s="116">
        <v>1.87</v>
      </c>
      <c r="M14" s="117">
        <v>14563</v>
      </c>
      <c r="N14" s="109"/>
      <c r="O14" s="4"/>
    </row>
    <row r="15" spans="2:15" ht="24" customHeight="1">
      <c r="B15" s="110"/>
      <c r="C15" s="125" t="s">
        <v>20</v>
      </c>
      <c r="D15" s="112"/>
      <c r="E15" s="113">
        <v>80404</v>
      </c>
      <c r="F15" s="114">
        <v>149211</v>
      </c>
      <c r="G15" s="115">
        <v>78326</v>
      </c>
      <c r="H15" s="115">
        <v>70885</v>
      </c>
      <c r="I15" s="115">
        <v>-67</v>
      </c>
      <c r="J15" s="115">
        <v>-44</v>
      </c>
      <c r="K15" s="115">
        <v>-23</v>
      </c>
      <c r="L15" s="116">
        <v>1.86</v>
      </c>
      <c r="M15" s="117">
        <v>7012</v>
      </c>
      <c r="N15" s="109"/>
    </row>
    <row r="16" spans="2:15" ht="24" customHeight="1">
      <c r="B16" s="110"/>
      <c r="C16" s="125" t="s">
        <v>21</v>
      </c>
      <c r="D16" s="112"/>
      <c r="E16" s="113">
        <v>98828</v>
      </c>
      <c r="F16" s="114">
        <v>195444</v>
      </c>
      <c r="G16" s="115">
        <v>97321</v>
      </c>
      <c r="H16" s="115">
        <v>98123</v>
      </c>
      <c r="I16" s="115">
        <v>-20</v>
      </c>
      <c r="J16" s="115">
        <v>-92</v>
      </c>
      <c r="K16" s="115">
        <v>72</v>
      </c>
      <c r="L16" s="116">
        <v>1.98</v>
      </c>
      <c r="M16" s="117">
        <v>15450</v>
      </c>
      <c r="N16" s="109"/>
    </row>
    <row r="17" spans="2:14" ht="24" customHeight="1">
      <c r="B17" s="110"/>
      <c r="C17" s="125" t="s">
        <v>22</v>
      </c>
      <c r="D17" s="112"/>
      <c r="E17" s="113">
        <v>93049</v>
      </c>
      <c r="F17" s="114">
        <v>213899</v>
      </c>
      <c r="G17" s="115">
        <v>104900</v>
      </c>
      <c r="H17" s="115">
        <v>108999</v>
      </c>
      <c r="I17" s="115">
        <v>-41</v>
      </c>
      <c r="J17" s="115">
        <v>-58</v>
      </c>
      <c r="K17" s="115">
        <v>17</v>
      </c>
      <c r="L17" s="116">
        <v>2.2999999999999998</v>
      </c>
      <c r="M17" s="117">
        <v>10749</v>
      </c>
      <c r="N17" s="109"/>
    </row>
    <row r="18" spans="2:14" ht="24" customHeight="1">
      <c r="B18" s="110"/>
      <c r="C18" s="126" t="s">
        <v>148</v>
      </c>
      <c r="D18" s="127"/>
      <c r="E18" s="113">
        <v>95349</v>
      </c>
      <c r="F18" s="114">
        <v>205730</v>
      </c>
      <c r="G18" s="115">
        <v>102300</v>
      </c>
      <c r="H18" s="115">
        <v>103430</v>
      </c>
      <c r="I18" s="115">
        <v>66</v>
      </c>
      <c r="J18" s="115">
        <v>-54</v>
      </c>
      <c r="K18" s="115">
        <v>120</v>
      </c>
      <c r="L18" s="116">
        <v>2.16</v>
      </c>
      <c r="M18" s="117">
        <v>9381</v>
      </c>
      <c r="N18" s="109"/>
    </row>
    <row r="19" spans="2:14" ht="24" customHeight="1">
      <c r="B19" s="110"/>
      <c r="C19" s="125" t="s">
        <v>23</v>
      </c>
      <c r="D19" s="112"/>
      <c r="E19" s="113">
        <v>105297</v>
      </c>
      <c r="F19" s="114">
        <v>245745</v>
      </c>
      <c r="G19" s="115">
        <v>119025</v>
      </c>
      <c r="H19" s="115">
        <v>126720</v>
      </c>
      <c r="I19" s="115">
        <v>-62</v>
      </c>
      <c r="J19" s="115">
        <v>-79</v>
      </c>
      <c r="K19" s="115">
        <v>17</v>
      </c>
      <c r="L19" s="116">
        <v>2.33</v>
      </c>
      <c r="M19" s="117">
        <v>7508</v>
      </c>
      <c r="N19" s="109"/>
    </row>
    <row r="20" spans="2:14" ht="24" customHeight="1">
      <c r="B20" s="110"/>
      <c r="C20" s="125" t="s">
        <v>24</v>
      </c>
      <c r="D20" s="112"/>
      <c r="E20" s="113">
        <v>76414</v>
      </c>
      <c r="F20" s="114">
        <v>166612</v>
      </c>
      <c r="G20" s="115">
        <v>81930</v>
      </c>
      <c r="H20" s="115">
        <v>84682</v>
      </c>
      <c r="I20" s="115">
        <v>-63</v>
      </c>
      <c r="J20" s="115">
        <v>-32</v>
      </c>
      <c r="K20" s="115">
        <v>-31</v>
      </c>
      <c r="L20" s="116">
        <v>2.1800000000000002</v>
      </c>
      <c r="M20" s="117">
        <v>8746</v>
      </c>
      <c r="N20" s="109"/>
    </row>
    <row r="21" spans="2:14" ht="24" customHeight="1">
      <c r="B21" s="110"/>
      <c r="C21" s="125" t="s">
        <v>25</v>
      </c>
      <c r="D21" s="112"/>
      <c r="E21" s="113">
        <v>88007</v>
      </c>
      <c r="F21" s="114">
        <v>199104</v>
      </c>
      <c r="G21" s="115">
        <v>97454</v>
      </c>
      <c r="H21" s="115">
        <v>101650</v>
      </c>
      <c r="I21" s="115">
        <v>-359</v>
      </c>
      <c r="J21" s="115">
        <v>-83</v>
      </c>
      <c r="K21" s="115">
        <v>-276</v>
      </c>
      <c r="L21" s="116">
        <v>2.2599999999999998</v>
      </c>
      <c r="M21" s="117">
        <v>6431</v>
      </c>
      <c r="N21" s="109"/>
    </row>
    <row r="22" spans="2:14" ht="24" customHeight="1">
      <c r="B22" s="110"/>
      <c r="C22" s="125" t="s">
        <v>26</v>
      </c>
      <c r="D22" s="112"/>
      <c r="E22" s="113">
        <v>168491</v>
      </c>
      <c r="F22" s="114">
        <v>351388</v>
      </c>
      <c r="G22" s="115">
        <v>177595</v>
      </c>
      <c r="H22" s="115">
        <v>173793</v>
      </c>
      <c r="I22" s="115">
        <v>57</v>
      </c>
      <c r="J22" s="115">
        <v>120</v>
      </c>
      <c r="K22" s="115">
        <v>-63</v>
      </c>
      <c r="L22" s="116">
        <v>2.09</v>
      </c>
      <c r="M22" s="117">
        <v>11191</v>
      </c>
      <c r="N22" s="109"/>
    </row>
    <row r="23" spans="2:14" ht="24" customHeight="1">
      <c r="B23" s="110"/>
      <c r="C23" s="125" t="s">
        <v>27</v>
      </c>
      <c r="D23" s="112"/>
      <c r="E23" s="113">
        <v>76926</v>
      </c>
      <c r="F23" s="114">
        <v>181559</v>
      </c>
      <c r="G23" s="115">
        <v>89345</v>
      </c>
      <c r="H23" s="115">
        <v>92214</v>
      </c>
      <c r="I23" s="115">
        <v>-71</v>
      </c>
      <c r="J23" s="115">
        <v>-19</v>
      </c>
      <c r="K23" s="115">
        <v>-52</v>
      </c>
      <c r="L23" s="116">
        <v>2.36</v>
      </c>
      <c r="M23" s="117">
        <v>7117</v>
      </c>
      <c r="N23" s="109"/>
    </row>
    <row r="24" spans="2:14" ht="24" customHeight="1">
      <c r="B24" s="110"/>
      <c r="C24" s="125" t="s">
        <v>28</v>
      </c>
      <c r="D24" s="112"/>
      <c r="E24" s="113">
        <v>128282</v>
      </c>
      <c r="F24" s="114">
        <v>309853</v>
      </c>
      <c r="G24" s="115">
        <v>150613</v>
      </c>
      <c r="H24" s="115">
        <v>159240</v>
      </c>
      <c r="I24" s="115">
        <v>4</v>
      </c>
      <c r="J24" s="115">
        <v>11</v>
      </c>
      <c r="K24" s="115">
        <v>-7</v>
      </c>
      <c r="L24" s="116">
        <v>2.42</v>
      </c>
      <c r="M24" s="117">
        <v>8798</v>
      </c>
      <c r="N24" s="109"/>
    </row>
    <row r="25" spans="2:14" ht="24" customHeight="1">
      <c r="B25" s="110"/>
      <c r="C25" s="125" t="s">
        <v>29</v>
      </c>
      <c r="D25" s="112"/>
      <c r="E25" s="113">
        <v>82508</v>
      </c>
      <c r="F25" s="114">
        <v>211578</v>
      </c>
      <c r="G25" s="115">
        <v>105399</v>
      </c>
      <c r="H25" s="115">
        <v>106179</v>
      </c>
      <c r="I25" s="115">
        <v>11</v>
      </c>
      <c r="J25" s="115">
        <v>16</v>
      </c>
      <c r="K25" s="115">
        <v>-5</v>
      </c>
      <c r="L25" s="116">
        <v>2.56</v>
      </c>
      <c r="M25" s="117">
        <v>7592</v>
      </c>
      <c r="N25" s="109"/>
    </row>
    <row r="26" spans="2:14" ht="24" customHeight="1">
      <c r="B26" s="110"/>
      <c r="C26" s="125" t="s">
        <v>30</v>
      </c>
      <c r="D26" s="112"/>
      <c r="E26" s="113">
        <v>117903</v>
      </c>
      <c r="F26" s="114">
        <v>279100</v>
      </c>
      <c r="G26" s="115">
        <v>136590</v>
      </c>
      <c r="H26" s="115">
        <v>142510</v>
      </c>
      <c r="I26" s="115">
        <v>69</v>
      </c>
      <c r="J26" s="115">
        <v>-10</v>
      </c>
      <c r="K26" s="115">
        <v>79</v>
      </c>
      <c r="L26" s="116">
        <v>2.37</v>
      </c>
      <c r="M26" s="117">
        <v>7798</v>
      </c>
      <c r="N26" s="109"/>
    </row>
    <row r="27" spans="2:14" ht="24" customHeight="1">
      <c r="B27" s="110"/>
      <c r="C27" s="125" t="s">
        <v>31</v>
      </c>
      <c r="D27" s="112"/>
      <c r="E27" s="113">
        <v>51190</v>
      </c>
      <c r="F27" s="114">
        <v>120101</v>
      </c>
      <c r="G27" s="115">
        <v>58481</v>
      </c>
      <c r="H27" s="115">
        <v>61620</v>
      </c>
      <c r="I27" s="115">
        <v>-56</v>
      </c>
      <c r="J27" s="115">
        <v>-40</v>
      </c>
      <c r="K27" s="115">
        <v>-16</v>
      </c>
      <c r="L27" s="116">
        <v>2.35</v>
      </c>
      <c r="M27" s="117">
        <v>6485</v>
      </c>
      <c r="N27" s="109"/>
    </row>
    <row r="28" spans="2:14" ht="24" customHeight="1">
      <c r="B28" s="110"/>
      <c r="C28" s="125" t="s">
        <v>32</v>
      </c>
      <c r="D28" s="112"/>
      <c r="E28" s="113">
        <v>61878</v>
      </c>
      <c r="F28" s="114">
        <v>152355</v>
      </c>
      <c r="G28" s="115">
        <v>74437</v>
      </c>
      <c r="H28" s="115">
        <v>77918</v>
      </c>
      <c r="I28" s="115">
        <v>-81</v>
      </c>
      <c r="J28" s="115">
        <v>-35</v>
      </c>
      <c r="K28" s="115">
        <v>-46</v>
      </c>
      <c r="L28" s="116">
        <v>2.46</v>
      </c>
      <c r="M28" s="117">
        <v>6461</v>
      </c>
      <c r="N28" s="109"/>
    </row>
    <row r="29" spans="2:14" ht="24" customHeight="1">
      <c r="B29" s="110"/>
      <c r="C29" s="125" t="s">
        <v>33</v>
      </c>
      <c r="D29" s="112"/>
      <c r="E29" s="113">
        <v>51149</v>
      </c>
      <c r="F29" s="114">
        <v>122739</v>
      </c>
      <c r="G29" s="115">
        <v>59831</v>
      </c>
      <c r="H29" s="115">
        <v>62908</v>
      </c>
      <c r="I29" s="115">
        <v>1</v>
      </c>
      <c r="J29" s="115">
        <v>-23</v>
      </c>
      <c r="K29" s="115">
        <v>24</v>
      </c>
      <c r="L29" s="116">
        <v>2.4</v>
      </c>
      <c r="M29" s="117">
        <v>7148</v>
      </c>
      <c r="N29" s="109"/>
    </row>
    <row r="30" spans="2:14" ht="24" customHeight="1">
      <c r="B30" s="124"/>
      <c r="C30" s="24" t="s">
        <v>34</v>
      </c>
      <c r="D30" s="7"/>
      <c r="E30" s="8">
        <v>728496</v>
      </c>
      <c r="F30" s="9">
        <v>1517784</v>
      </c>
      <c r="G30" s="10">
        <v>768564</v>
      </c>
      <c r="H30" s="10">
        <v>749220</v>
      </c>
      <c r="I30" s="10">
        <v>78</v>
      </c>
      <c r="J30" s="10">
        <v>178</v>
      </c>
      <c r="K30" s="10">
        <v>-100</v>
      </c>
      <c r="L30" s="11">
        <v>2.08</v>
      </c>
      <c r="M30" s="12">
        <v>10613</v>
      </c>
      <c r="N30" s="109"/>
    </row>
    <row r="31" spans="2:14" ht="24" customHeight="1">
      <c r="B31" s="110"/>
      <c r="C31" s="125" t="s">
        <v>35</v>
      </c>
      <c r="D31" s="112"/>
      <c r="E31" s="113">
        <v>118401</v>
      </c>
      <c r="F31" s="114">
        <v>231688</v>
      </c>
      <c r="G31" s="115">
        <v>124457</v>
      </c>
      <c r="H31" s="115">
        <v>107231</v>
      </c>
      <c r="I31" s="115">
        <v>6</v>
      </c>
      <c r="J31" s="115">
        <v>-25</v>
      </c>
      <c r="K31" s="115">
        <v>31</v>
      </c>
      <c r="L31" s="116">
        <v>1.96</v>
      </c>
      <c r="M31" s="117">
        <v>5861</v>
      </c>
      <c r="N31" s="109"/>
    </row>
    <row r="32" spans="2:14" ht="24" customHeight="1">
      <c r="B32" s="110"/>
      <c r="C32" s="125" t="s">
        <v>77</v>
      </c>
      <c r="D32" s="112"/>
      <c r="E32" s="113">
        <v>79484</v>
      </c>
      <c r="F32" s="114">
        <v>167218</v>
      </c>
      <c r="G32" s="115">
        <v>84392</v>
      </c>
      <c r="H32" s="115">
        <v>82826</v>
      </c>
      <c r="I32" s="115">
        <v>-127</v>
      </c>
      <c r="J32" s="115">
        <v>8</v>
      </c>
      <c r="K32" s="115">
        <v>-135</v>
      </c>
      <c r="L32" s="116">
        <v>2.1</v>
      </c>
      <c r="M32" s="117">
        <v>16705</v>
      </c>
      <c r="N32" s="109"/>
    </row>
    <row r="33" spans="2:14" ht="24" customHeight="1">
      <c r="B33" s="110"/>
      <c r="C33" s="125" t="s">
        <v>36</v>
      </c>
      <c r="D33" s="112"/>
      <c r="E33" s="113">
        <v>130566</v>
      </c>
      <c r="F33" s="114">
        <v>258503</v>
      </c>
      <c r="G33" s="115">
        <v>131817</v>
      </c>
      <c r="H33" s="115">
        <v>126686</v>
      </c>
      <c r="I33" s="115">
        <v>37</v>
      </c>
      <c r="J33" s="115">
        <v>118</v>
      </c>
      <c r="K33" s="115">
        <v>-81</v>
      </c>
      <c r="L33" s="116">
        <v>1.98</v>
      </c>
      <c r="M33" s="117">
        <v>17538</v>
      </c>
      <c r="N33" s="109"/>
    </row>
    <row r="34" spans="2:14" ht="24" customHeight="1">
      <c r="B34" s="110"/>
      <c r="C34" s="125" t="s">
        <v>78</v>
      </c>
      <c r="D34" s="112"/>
      <c r="E34" s="113">
        <v>111682</v>
      </c>
      <c r="F34" s="114">
        <v>232066</v>
      </c>
      <c r="G34" s="115">
        <v>116600</v>
      </c>
      <c r="H34" s="115">
        <v>115466</v>
      </c>
      <c r="I34" s="115">
        <v>35</v>
      </c>
      <c r="J34" s="115">
        <v>62</v>
      </c>
      <c r="K34" s="115">
        <v>-27</v>
      </c>
      <c r="L34" s="116">
        <v>2.08</v>
      </c>
      <c r="M34" s="117">
        <v>14185</v>
      </c>
      <c r="N34" s="109"/>
    </row>
    <row r="35" spans="2:14" ht="24" customHeight="1">
      <c r="B35" s="110"/>
      <c r="C35" s="125" t="s">
        <v>37</v>
      </c>
      <c r="D35" s="112"/>
      <c r="E35" s="113">
        <v>99466</v>
      </c>
      <c r="F35" s="114">
        <v>231341</v>
      </c>
      <c r="G35" s="115">
        <v>113101</v>
      </c>
      <c r="H35" s="115">
        <v>118240</v>
      </c>
      <c r="I35" s="115">
        <v>66</v>
      </c>
      <c r="J35" s="115">
        <v>6</v>
      </c>
      <c r="K35" s="115">
        <v>60</v>
      </c>
      <c r="L35" s="116">
        <v>2.33</v>
      </c>
      <c r="M35" s="117">
        <v>12431</v>
      </c>
      <c r="N35" s="109"/>
    </row>
    <row r="36" spans="2:14" ht="24" customHeight="1">
      <c r="B36" s="110"/>
      <c r="C36" s="125" t="s">
        <v>38</v>
      </c>
      <c r="D36" s="112"/>
      <c r="E36" s="113">
        <v>111461</v>
      </c>
      <c r="F36" s="114">
        <v>218069</v>
      </c>
      <c r="G36" s="115">
        <v>111443</v>
      </c>
      <c r="H36" s="115">
        <v>106626</v>
      </c>
      <c r="I36" s="115">
        <v>-14</v>
      </c>
      <c r="J36" s="115">
        <v>27</v>
      </c>
      <c r="K36" s="115">
        <v>-41</v>
      </c>
      <c r="L36" s="116">
        <v>1.96</v>
      </c>
      <c r="M36" s="117">
        <v>10638</v>
      </c>
      <c r="N36" s="109"/>
    </row>
    <row r="37" spans="2:14" ht="24" customHeight="1">
      <c r="B37" s="110"/>
      <c r="C37" s="125" t="s">
        <v>39</v>
      </c>
      <c r="D37" s="112"/>
      <c r="E37" s="113">
        <v>77436</v>
      </c>
      <c r="F37" s="114">
        <v>178899</v>
      </c>
      <c r="G37" s="115">
        <v>86754</v>
      </c>
      <c r="H37" s="115">
        <v>92145</v>
      </c>
      <c r="I37" s="115">
        <v>75</v>
      </c>
      <c r="J37" s="115">
        <v>-18</v>
      </c>
      <c r="K37" s="115">
        <v>93</v>
      </c>
      <c r="L37" s="116">
        <v>2.31</v>
      </c>
      <c r="M37" s="117">
        <v>7695</v>
      </c>
      <c r="N37" s="109"/>
    </row>
    <row r="38" spans="2:14" ht="24" customHeight="1">
      <c r="B38" s="124"/>
      <c r="C38" s="24" t="s">
        <v>47</v>
      </c>
      <c r="D38" s="13"/>
      <c r="E38" s="8">
        <v>323432</v>
      </c>
      <c r="F38" s="9">
        <v>722919</v>
      </c>
      <c r="G38" s="10">
        <v>361710</v>
      </c>
      <c r="H38" s="10">
        <v>361209</v>
      </c>
      <c r="I38" s="10">
        <v>-182</v>
      </c>
      <c r="J38" s="10">
        <v>-165</v>
      </c>
      <c r="K38" s="10">
        <v>-17</v>
      </c>
      <c r="L38" s="11">
        <v>2.2400000000000002</v>
      </c>
      <c r="M38" s="12">
        <v>2198</v>
      </c>
      <c r="N38" s="109"/>
    </row>
    <row r="39" spans="2:14" ht="24" customHeight="1">
      <c r="B39" s="110"/>
      <c r="C39" s="125" t="s">
        <v>73</v>
      </c>
      <c r="D39" s="128"/>
      <c r="E39" s="113">
        <v>73486</v>
      </c>
      <c r="F39" s="114">
        <v>171707</v>
      </c>
      <c r="G39" s="115">
        <v>86540</v>
      </c>
      <c r="H39" s="115">
        <v>85167</v>
      </c>
      <c r="I39" s="115">
        <v>-176</v>
      </c>
      <c r="J39" s="115">
        <v>-64</v>
      </c>
      <c r="K39" s="115">
        <v>-112</v>
      </c>
      <c r="L39" s="116">
        <v>2.34</v>
      </c>
      <c r="M39" s="117">
        <v>676</v>
      </c>
      <c r="N39" s="109"/>
    </row>
    <row r="40" spans="2:14" ht="24" customHeight="1">
      <c r="B40" s="110"/>
      <c r="C40" s="125" t="s">
        <v>79</v>
      </c>
      <c r="D40" s="112"/>
      <c r="E40" s="113">
        <v>121373</v>
      </c>
      <c r="F40" s="114">
        <v>272005</v>
      </c>
      <c r="G40" s="115">
        <v>136701</v>
      </c>
      <c r="H40" s="115">
        <v>135304</v>
      </c>
      <c r="I40" s="115">
        <v>75</v>
      </c>
      <c r="J40" s="115">
        <v>-61</v>
      </c>
      <c r="K40" s="115">
        <v>136</v>
      </c>
      <c r="L40" s="116">
        <v>2.2400000000000002</v>
      </c>
      <c r="M40" s="117">
        <v>7377</v>
      </c>
      <c r="N40" s="109"/>
    </row>
    <row r="41" spans="2:14" ht="24" customHeight="1">
      <c r="B41" s="110"/>
      <c r="C41" s="125" t="s">
        <v>74</v>
      </c>
      <c r="D41" s="112"/>
      <c r="E41" s="113">
        <v>128573</v>
      </c>
      <c r="F41" s="114">
        <v>279207</v>
      </c>
      <c r="G41" s="115">
        <v>138469</v>
      </c>
      <c r="H41" s="115">
        <v>140738</v>
      </c>
      <c r="I41" s="115">
        <v>-81</v>
      </c>
      <c r="J41" s="115">
        <v>-40</v>
      </c>
      <c r="K41" s="115">
        <v>-41</v>
      </c>
      <c r="L41" s="116">
        <v>2.17</v>
      </c>
      <c r="M41" s="117">
        <v>7326</v>
      </c>
      <c r="N41" s="109"/>
    </row>
    <row r="42" spans="2:14" ht="23.25" customHeight="1">
      <c r="B42" s="110"/>
      <c r="C42" s="125" t="s">
        <v>40</v>
      </c>
      <c r="D42" s="129"/>
      <c r="E42" s="113">
        <v>167277</v>
      </c>
      <c r="F42" s="114">
        <v>397265</v>
      </c>
      <c r="G42" s="115">
        <v>198252</v>
      </c>
      <c r="H42" s="115">
        <v>199013</v>
      </c>
      <c r="I42" s="115">
        <v>-265</v>
      </c>
      <c r="J42" s="115">
        <v>-209</v>
      </c>
      <c r="K42" s="115">
        <v>-56</v>
      </c>
      <c r="L42" s="116">
        <v>2.37</v>
      </c>
      <c r="M42" s="117">
        <v>3940</v>
      </c>
      <c r="N42" s="99"/>
    </row>
    <row r="43" spans="2:14" ht="23.25" customHeight="1">
      <c r="B43" s="110"/>
      <c r="C43" s="125" t="s">
        <v>41</v>
      </c>
      <c r="D43" s="129"/>
      <c r="E43" s="113">
        <v>111107</v>
      </c>
      <c r="F43" s="114">
        <v>257954</v>
      </c>
      <c r="G43" s="115">
        <v>129209</v>
      </c>
      <c r="H43" s="115">
        <v>128745</v>
      </c>
      <c r="I43" s="115">
        <v>-69</v>
      </c>
      <c r="J43" s="115">
        <v>-81</v>
      </c>
      <c r="K43" s="115">
        <v>12</v>
      </c>
      <c r="L43" s="116">
        <v>2.3199999999999998</v>
      </c>
      <c r="M43" s="117">
        <v>3804</v>
      </c>
    </row>
    <row r="44" spans="2:14" ht="23.25" customHeight="1">
      <c r="B44" s="110"/>
      <c r="C44" s="125" t="s">
        <v>42</v>
      </c>
      <c r="D44" s="129"/>
      <c r="E44" s="113">
        <v>74338</v>
      </c>
      <c r="F44" s="114">
        <v>172258</v>
      </c>
      <c r="G44" s="115">
        <v>81013</v>
      </c>
      <c r="H44" s="115">
        <v>91245</v>
      </c>
      <c r="I44" s="115">
        <v>37</v>
      </c>
      <c r="J44" s="115">
        <v>-90</v>
      </c>
      <c r="K44" s="115">
        <v>127</v>
      </c>
      <c r="L44" s="116">
        <v>2.3199999999999998</v>
      </c>
      <c r="M44" s="117">
        <v>4342</v>
      </c>
    </row>
    <row r="45" spans="2:14" ht="23.25" customHeight="1">
      <c r="B45" s="110"/>
      <c r="C45" s="125" t="s">
        <v>43</v>
      </c>
      <c r="D45" s="129"/>
      <c r="E45" s="113">
        <v>188142</v>
      </c>
      <c r="F45" s="114">
        <v>431752</v>
      </c>
      <c r="G45" s="115">
        <v>213430</v>
      </c>
      <c r="H45" s="115">
        <v>218322</v>
      </c>
      <c r="I45" s="115">
        <v>106</v>
      </c>
      <c r="J45" s="115">
        <v>-41</v>
      </c>
      <c r="K45" s="115">
        <v>147</v>
      </c>
      <c r="L45" s="116">
        <v>2.29</v>
      </c>
      <c r="M45" s="117">
        <v>6206</v>
      </c>
    </row>
    <row r="46" spans="2:14" ht="23.25" customHeight="1">
      <c r="B46" s="104"/>
      <c r="C46" s="125" t="s">
        <v>44</v>
      </c>
      <c r="D46" s="129"/>
      <c r="E46" s="113">
        <v>81233</v>
      </c>
      <c r="F46" s="114">
        <v>191118</v>
      </c>
      <c r="G46" s="115">
        <v>92979</v>
      </c>
      <c r="H46" s="115">
        <v>98139</v>
      </c>
      <c r="I46" s="115">
        <v>-4</v>
      </c>
      <c r="J46" s="115">
        <v>-49</v>
      </c>
      <c r="K46" s="115">
        <v>45</v>
      </c>
      <c r="L46" s="116">
        <v>2.35</v>
      </c>
      <c r="M46" s="117">
        <v>1679</v>
      </c>
    </row>
    <row r="47" spans="2:14" ht="23.25" customHeight="1">
      <c r="B47" s="104"/>
      <c r="C47" s="125" t="s">
        <v>45</v>
      </c>
      <c r="D47" s="130"/>
      <c r="E47" s="113">
        <v>101991</v>
      </c>
      <c r="F47" s="114">
        <v>242021</v>
      </c>
      <c r="G47" s="115">
        <v>117872</v>
      </c>
      <c r="H47" s="115">
        <v>124149</v>
      </c>
      <c r="I47" s="115">
        <v>-27</v>
      </c>
      <c r="J47" s="115">
        <v>-26</v>
      </c>
      <c r="K47" s="115">
        <v>-1</v>
      </c>
      <c r="L47" s="116">
        <v>2.37</v>
      </c>
      <c r="M47" s="117">
        <v>6779</v>
      </c>
    </row>
    <row r="48" spans="2:14" ht="23.25" customHeight="1">
      <c r="B48" s="104"/>
      <c r="C48" s="125" t="s">
        <v>46</v>
      </c>
      <c r="D48" s="130"/>
      <c r="E48" s="113">
        <v>24537</v>
      </c>
      <c r="F48" s="114">
        <v>57045</v>
      </c>
      <c r="G48" s="115">
        <v>26665</v>
      </c>
      <c r="H48" s="115">
        <v>30380</v>
      </c>
      <c r="I48" s="115">
        <v>-45</v>
      </c>
      <c r="J48" s="115">
        <v>-28</v>
      </c>
      <c r="K48" s="115">
        <v>-17</v>
      </c>
      <c r="L48" s="116">
        <v>2.3199999999999998</v>
      </c>
      <c r="M48" s="117">
        <v>3301</v>
      </c>
    </row>
    <row r="49" spans="2:13" ht="23.25" customHeight="1">
      <c r="B49" s="104"/>
      <c r="C49" s="125" t="s">
        <v>48</v>
      </c>
      <c r="D49" s="130"/>
      <c r="E49" s="113">
        <v>17477</v>
      </c>
      <c r="F49" s="114">
        <v>43054</v>
      </c>
      <c r="G49" s="115">
        <v>20663</v>
      </c>
      <c r="H49" s="115">
        <v>22391</v>
      </c>
      <c r="I49" s="115">
        <v>-67</v>
      </c>
      <c r="J49" s="115">
        <v>-58</v>
      </c>
      <c r="K49" s="115">
        <v>-9</v>
      </c>
      <c r="L49" s="116">
        <v>2.46</v>
      </c>
      <c r="M49" s="117">
        <v>1343</v>
      </c>
    </row>
    <row r="50" spans="2:13" ht="23.25" customHeight="1">
      <c r="B50" s="104"/>
      <c r="C50" s="125" t="s">
        <v>49</v>
      </c>
      <c r="D50" s="130"/>
      <c r="E50" s="113">
        <v>71453</v>
      </c>
      <c r="F50" s="114">
        <v>165395</v>
      </c>
      <c r="G50" s="115">
        <v>84642</v>
      </c>
      <c r="H50" s="115">
        <v>80753</v>
      </c>
      <c r="I50" s="115">
        <v>-68</v>
      </c>
      <c r="J50" s="115">
        <v>-38</v>
      </c>
      <c r="K50" s="115">
        <v>-30</v>
      </c>
      <c r="L50" s="116">
        <v>2.31</v>
      </c>
      <c r="M50" s="117">
        <v>1594</v>
      </c>
    </row>
    <row r="51" spans="2:13" ht="23.25" customHeight="1">
      <c r="B51" s="104"/>
      <c r="C51" s="125" t="s">
        <v>50</v>
      </c>
      <c r="D51" s="130"/>
      <c r="E51" s="113">
        <v>99523</v>
      </c>
      <c r="F51" s="114">
        <v>225308</v>
      </c>
      <c r="G51" s="115">
        <v>116520</v>
      </c>
      <c r="H51" s="115">
        <v>108788</v>
      </c>
      <c r="I51" s="115">
        <v>-37</v>
      </c>
      <c r="J51" s="115">
        <v>-56</v>
      </c>
      <c r="K51" s="115">
        <v>19</v>
      </c>
      <c r="L51" s="116">
        <v>2.2599999999999998</v>
      </c>
      <c r="M51" s="117">
        <v>2401</v>
      </c>
    </row>
    <row r="52" spans="2:13" ht="23.25" customHeight="1">
      <c r="B52" s="104"/>
      <c r="C52" s="125" t="s">
        <v>51</v>
      </c>
      <c r="D52" s="130"/>
      <c r="E52" s="113">
        <v>106450</v>
      </c>
      <c r="F52" s="114">
        <v>235854</v>
      </c>
      <c r="G52" s="115">
        <v>117864</v>
      </c>
      <c r="H52" s="115">
        <v>117990</v>
      </c>
      <c r="I52" s="115">
        <v>-78</v>
      </c>
      <c r="J52" s="115">
        <v>-31</v>
      </c>
      <c r="K52" s="115">
        <v>-47</v>
      </c>
      <c r="L52" s="116">
        <v>2.2200000000000002</v>
      </c>
      <c r="M52" s="117">
        <v>8706</v>
      </c>
    </row>
    <row r="53" spans="2:13" ht="23.25" customHeight="1">
      <c r="B53" s="104"/>
      <c r="C53" s="125" t="s">
        <v>52</v>
      </c>
      <c r="D53" s="130"/>
      <c r="E53" s="113">
        <v>45158</v>
      </c>
      <c r="F53" s="114">
        <v>102505</v>
      </c>
      <c r="G53" s="115">
        <v>51987</v>
      </c>
      <c r="H53" s="115">
        <v>50518</v>
      </c>
      <c r="I53" s="115">
        <v>32</v>
      </c>
      <c r="J53" s="115">
        <v>-9</v>
      </c>
      <c r="K53" s="115">
        <v>41</v>
      </c>
      <c r="L53" s="116">
        <v>2.27</v>
      </c>
      <c r="M53" s="117">
        <v>1845</v>
      </c>
    </row>
    <row r="54" spans="2:13" ht="23.25" customHeight="1">
      <c r="B54" s="104"/>
      <c r="C54" s="125" t="s">
        <v>53</v>
      </c>
      <c r="D54" s="130"/>
      <c r="E54" s="113">
        <v>56364</v>
      </c>
      <c r="F54" s="114">
        <v>132762</v>
      </c>
      <c r="G54" s="115">
        <v>66882</v>
      </c>
      <c r="H54" s="115">
        <v>65880</v>
      </c>
      <c r="I54" s="115">
        <v>44</v>
      </c>
      <c r="J54" s="115">
        <v>10</v>
      </c>
      <c r="K54" s="115">
        <v>34</v>
      </c>
      <c r="L54" s="116">
        <v>2.36</v>
      </c>
      <c r="M54" s="117">
        <v>4993</v>
      </c>
    </row>
    <row r="55" spans="2:13" ht="23.25" customHeight="1">
      <c r="B55" s="104"/>
      <c r="C55" s="125" t="s">
        <v>54</v>
      </c>
      <c r="D55" s="130"/>
      <c r="E55" s="113">
        <v>58222</v>
      </c>
      <c r="F55" s="114">
        <v>129778</v>
      </c>
      <c r="G55" s="115">
        <v>64766</v>
      </c>
      <c r="H55" s="115">
        <v>65012</v>
      </c>
      <c r="I55" s="115">
        <v>75</v>
      </c>
      <c r="J55" s="115">
        <v>-18</v>
      </c>
      <c r="K55" s="115">
        <v>93</v>
      </c>
      <c r="L55" s="116">
        <v>2.23</v>
      </c>
      <c r="M55" s="117">
        <v>7386</v>
      </c>
    </row>
    <row r="56" spans="2:13" ht="23.25" customHeight="1">
      <c r="B56" s="104"/>
      <c r="C56" s="125" t="s">
        <v>55</v>
      </c>
      <c r="D56" s="130"/>
      <c r="E56" s="113">
        <v>16506</v>
      </c>
      <c r="F56" s="114">
        <v>42176</v>
      </c>
      <c r="G56" s="115">
        <v>20767</v>
      </c>
      <c r="H56" s="115">
        <v>21409</v>
      </c>
      <c r="I56" s="115">
        <v>-73</v>
      </c>
      <c r="J56" s="115">
        <v>-30</v>
      </c>
      <c r="K56" s="115">
        <v>-43</v>
      </c>
      <c r="L56" s="116">
        <v>2.56</v>
      </c>
      <c r="M56" s="117">
        <v>547</v>
      </c>
    </row>
    <row r="57" spans="2:13" ht="23.25" customHeight="1">
      <c r="B57" s="104"/>
      <c r="C57" s="125" t="s">
        <v>56</v>
      </c>
      <c r="D57" s="130"/>
      <c r="E57" s="113">
        <v>34507</v>
      </c>
      <c r="F57" s="114">
        <v>84245</v>
      </c>
      <c r="G57" s="115">
        <v>42873</v>
      </c>
      <c r="H57" s="115">
        <v>41372</v>
      </c>
      <c r="I57" s="115">
        <v>69</v>
      </c>
      <c r="J57" s="115">
        <v>-32</v>
      </c>
      <c r="K57" s="115">
        <v>101</v>
      </c>
      <c r="L57" s="116">
        <v>2.44</v>
      </c>
      <c r="M57" s="117">
        <v>3805</v>
      </c>
    </row>
    <row r="58" spans="2:13" ht="23.25" customHeight="1">
      <c r="B58" s="104"/>
      <c r="C58" s="126" t="s">
        <v>81</v>
      </c>
      <c r="D58" s="130"/>
      <c r="E58" s="113">
        <v>12682</v>
      </c>
      <c r="F58" s="114">
        <v>31819</v>
      </c>
      <c r="G58" s="115">
        <v>15050</v>
      </c>
      <c r="H58" s="115">
        <v>16769</v>
      </c>
      <c r="I58" s="115">
        <v>-15</v>
      </c>
      <c r="J58" s="115">
        <v>-19</v>
      </c>
      <c r="K58" s="115">
        <v>4</v>
      </c>
      <c r="L58" s="116">
        <v>2.5099999999999998</v>
      </c>
      <c r="M58" s="117">
        <v>1867</v>
      </c>
    </row>
    <row r="59" spans="2:13" ht="23.25" customHeight="1">
      <c r="B59" s="104"/>
      <c r="C59" s="126" t="s">
        <v>82</v>
      </c>
      <c r="D59" s="130"/>
      <c r="E59" s="113">
        <v>19582</v>
      </c>
      <c r="F59" s="114">
        <v>48289</v>
      </c>
      <c r="G59" s="115">
        <v>24443</v>
      </c>
      <c r="H59" s="115">
        <v>23846</v>
      </c>
      <c r="I59" s="115">
        <v>73</v>
      </c>
      <c r="J59" s="115">
        <v>6</v>
      </c>
      <c r="K59" s="115">
        <v>67</v>
      </c>
      <c r="L59" s="116">
        <v>2.4700000000000002</v>
      </c>
      <c r="M59" s="117">
        <v>3620</v>
      </c>
    </row>
    <row r="60" spans="2:13" ht="23.25" customHeight="1">
      <c r="B60" s="131"/>
      <c r="C60" s="24" t="s">
        <v>57</v>
      </c>
      <c r="D60" s="15"/>
      <c r="E60" s="8">
        <v>23992</v>
      </c>
      <c r="F60" s="9">
        <v>59328</v>
      </c>
      <c r="G60" s="10">
        <v>28806</v>
      </c>
      <c r="H60" s="10">
        <v>30522</v>
      </c>
      <c r="I60" s="10">
        <v>-40</v>
      </c>
      <c r="J60" s="10">
        <v>-33</v>
      </c>
      <c r="K60" s="10">
        <v>-7</v>
      </c>
      <c r="L60" s="11">
        <v>2.4700000000000002</v>
      </c>
      <c r="M60" s="12">
        <v>2260</v>
      </c>
    </row>
    <row r="61" spans="2:13" ht="23.25" customHeight="1">
      <c r="B61" s="104"/>
      <c r="C61" s="125" t="s">
        <v>58</v>
      </c>
      <c r="D61" s="130"/>
      <c r="E61" s="113">
        <v>12600</v>
      </c>
      <c r="F61" s="114">
        <v>31425</v>
      </c>
      <c r="G61" s="115">
        <v>15350</v>
      </c>
      <c r="H61" s="115">
        <v>16075</v>
      </c>
      <c r="I61" s="115">
        <v>-34</v>
      </c>
      <c r="J61" s="115">
        <v>-21</v>
      </c>
      <c r="K61" s="115">
        <v>-13</v>
      </c>
      <c r="L61" s="116">
        <v>2.4900000000000002</v>
      </c>
      <c r="M61" s="117">
        <v>1829</v>
      </c>
    </row>
    <row r="62" spans="2:13" ht="23.25" customHeight="1">
      <c r="B62" s="104"/>
      <c r="C62" s="125" t="s">
        <v>59</v>
      </c>
      <c r="D62" s="130"/>
      <c r="E62" s="113">
        <v>11392</v>
      </c>
      <c r="F62" s="114">
        <v>27903</v>
      </c>
      <c r="G62" s="115">
        <v>13456</v>
      </c>
      <c r="H62" s="115">
        <v>14447</v>
      </c>
      <c r="I62" s="115">
        <v>-6</v>
      </c>
      <c r="J62" s="115">
        <v>-12</v>
      </c>
      <c r="K62" s="115">
        <v>6</v>
      </c>
      <c r="L62" s="116">
        <v>2.4500000000000002</v>
      </c>
      <c r="M62" s="117">
        <v>3073</v>
      </c>
    </row>
    <row r="63" spans="2:13" ht="23.25" customHeight="1">
      <c r="B63" s="131"/>
      <c r="C63" s="24" t="s">
        <v>60</v>
      </c>
      <c r="D63" s="15"/>
      <c r="E63" s="8">
        <v>24834</v>
      </c>
      <c r="F63" s="9">
        <v>64984</v>
      </c>
      <c r="G63" s="10">
        <v>32089</v>
      </c>
      <c r="H63" s="10">
        <v>32895</v>
      </c>
      <c r="I63" s="10">
        <v>-63</v>
      </c>
      <c r="J63" s="10">
        <v>-24</v>
      </c>
      <c r="K63" s="10">
        <v>-39</v>
      </c>
      <c r="L63" s="11">
        <v>2.62</v>
      </c>
      <c r="M63" s="12">
        <v>214</v>
      </c>
    </row>
    <row r="64" spans="2:13" ht="23.25" customHeight="1">
      <c r="B64" s="104"/>
      <c r="C64" s="125" t="s">
        <v>61</v>
      </c>
      <c r="D64" s="130"/>
      <c r="E64" s="113">
        <v>3433</v>
      </c>
      <c r="F64" s="114">
        <v>9447</v>
      </c>
      <c r="G64" s="115">
        <v>4739</v>
      </c>
      <c r="H64" s="115">
        <v>4708</v>
      </c>
      <c r="I64" s="115">
        <v>-6</v>
      </c>
      <c r="J64" s="115">
        <v>-8</v>
      </c>
      <c r="K64" s="115">
        <v>2</v>
      </c>
      <c r="L64" s="116">
        <v>2.75</v>
      </c>
      <c r="M64" s="117">
        <v>473</v>
      </c>
    </row>
    <row r="65" spans="2:13" ht="23.25" customHeight="1">
      <c r="B65" s="104"/>
      <c r="C65" s="125" t="s">
        <v>62</v>
      </c>
      <c r="D65" s="130"/>
      <c r="E65" s="113">
        <v>6431</v>
      </c>
      <c r="F65" s="114">
        <v>17011</v>
      </c>
      <c r="G65" s="115">
        <v>8465</v>
      </c>
      <c r="H65" s="115">
        <v>8546</v>
      </c>
      <c r="I65" s="115">
        <v>7</v>
      </c>
      <c r="J65" s="115">
        <v>-6</v>
      </c>
      <c r="K65" s="115">
        <v>13</v>
      </c>
      <c r="L65" s="116">
        <v>2.65</v>
      </c>
      <c r="M65" s="117">
        <v>1183</v>
      </c>
    </row>
    <row r="66" spans="2:13" ht="23.25" customHeight="1">
      <c r="B66" s="104"/>
      <c r="C66" s="125" t="s">
        <v>63</v>
      </c>
      <c r="D66" s="130"/>
      <c r="E66" s="113">
        <v>4477</v>
      </c>
      <c r="F66" s="114">
        <v>10876</v>
      </c>
      <c r="G66" s="115">
        <v>5389</v>
      </c>
      <c r="H66" s="115">
        <v>5487</v>
      </c>
      <c r="I66" s="115">
        <v>-73</v>
      </c>
      <c r="J66" s="115">
        <v>2</v>
      </c>
      <c r="K66" s="115">
        <v>-75</v>
      </c>
      <c r="L66" s="116">
        <v>2.4300000000000002</v>
      </c>
      <c r="M66" s="117">
        <v>288</v>
      </c>
    </row>
    <row r="67" spans="2:13" ht="23.25" customHeight="1">
      <c r="B67" s="104"/>
      <c r="C67" s="125" t="s">
        <v>64</v>
      </c>
      <c r="D67" s="130"/>
      <c r="E67" s="113">
        <v>3827</v>
      </c>
      <c r="F67" s="114">
        <v>9862</v>
      </c>
      <c r="G67" s="115">
        <v>4840</v>
      </c>
      <c r="H67" s="115">
        <v>5022</v>
      </c>
      <c r="I67" s="115">
        <v>-21</v>
      </c>
      <c r="J67" s="115">
        <v>-17</v>
      </c>
      <c r="K67" s="115">
        <v>-4</v>
      </c>
      <c r="L67" s="116">
        <v>2.58</v>
      </c>
      <c r="M67" s="117">
        <v>44</v>
      </c>
    </row>
    <row r="68" spans="2:13" ht="23.25" customHeight="1">
      <c r="B68" s="104"/>
      <c r="C68" s="125" t="s">
        <v>65</v>
      </c>
      <c r="D68" s="130"/>
      <c r="E68" s="113">
        <v>6666</v>
      </c>
      <c r="F68" s="114">
        <v>17788</v>
      </c>
      <c r="G68" s="115">
        <v>8656</v>
      </c>
      <c r="H68" s="115">
        <v>9132</v>
      </c>
      <c r="I68" s="115">
        <v>30</v>
      </c>
      <c r="J68" s="115">
        <v>5</v>
      </c>
      <c r="K68" s="115">
        <v>25</v>
      </c>
      <c r="L68" s="116">
        <v>2.67</v>
      </c>
      <c r="M68" s="117">
        <v>2716</v>
      </c>
    </row>
    <row r="69" spans="2:13" ht="23.25" customHeight="1">
      <c r="B69" s="131"/>
      <c r="C69" s="24" t="s">
        <v>66</v>
      </c>
      <c r="D69" s="15"/>
      <c r="E69" s="8">
        <v>20054</v>
      </c>
      <c r="F69" s="9">
        <v>42381</v>
      </c>
      <c r="G69" s="10">
        <v>19833</v>
      </c>
      <c r="H69" s="10">
        <v>22548</v>
      </c>
      <c r="I69" s="10">
        <v>-91</v>
      </c>
      <c r="J69" s="10">
        <v>-52</v>
      </c>
      <c r="K69" s="10">
        <v>-39</v>
      </c>
      <c r="L69" s="11">
        <v>2.11</v>
      </c>
      <c r="M69" s="12">
        <v>301</v>
      </c>
    </row>
    <row r="70" spans="2:13" ht="23.25" customHeight="1">
      <c r="B70" s="104"/>
      <c r="C70" s="125" t="s">
        <v>67</v>
      </c>
      <c r="D70" s="130"/>
      <c r="E70" s="113">
        <v>6131</v>
      </c>
      <c r="F70" s="114">
        <v>11302</v>
      </c>
      <c r="G70" s="115">
        <v>5381</v>
      </c>
      <c r="H70" s="115">
        <v>5921</v>
      </c>
      <c r="I70" s="115">
        <v>-59</v>
      </c>
      <c r="J70" s="115">
        <v>-15</v>
      </c>
      <c r="K70" s="115">
        <v>-44</v>
      </c>
      <c r="L70" s="116">
        <v>1.84</v>
      </c>
      <c r="M70" s="117">
        <v>122</v>
      </c>
    </row>
    <row r="71" spans="2:13" ht="23.25" customHeight="1">
      <c r="B71" s="104"/>
      <c r="C71" s="125" t="s">
        <v>68</v>
      </c>
      <c r="D71" s="130"/>
      <c r="E71" s="113">
        <v>3051</v>
      </c>
      <c r="F71" s="114">
        <v>6929</v>
      </c>
      <c r="G71" s="115">
        <v>3244</v>
      </c>
      <c r="H71" s="115">
        <v>3685</v>
      </c>
      <c r="I71" s="115">
        <v>-12</v>
      </c>
      <c r="J71" s="115">
        <v>-9</v>
      </c>
      <c r="K71" s="115">
        <v>-3</v>
      </c>
      <c r="L71" s="116">
        <v>2.27</v>
      </c>
      <c r="M71" s="117">
        <v>983</v>
      </c>
    </row>
    <row r="72" spans="2:13" ht="23.25" customHeight="1">
      <c r="B72" s="104"/>
      <c r="C72" s="125" t="s">
        <v>149</v>
      </c>
      <c r="D72" s="130"/>
      <c r="E72" s="113">
        <v>10872</v>
      </c>
      <c r="F72" s="114">
        <v>24150</v>
      </c>
      <c r="G72" s="115">
        <v>11208</v>
      </c>
      <c r="H72" s="115">
        <v>12942</v>
      </c>
      <c r="I72" s="115">
        <v>-20</v>
      </c>
      <c r="J72" s="115">
        <v>-28</v>
      </c>
      <c r="K72" s="115">
        <v>8</v>
      </c>
      <c r="L72" s="116">
        <v>2.2200000000000002</v>
      </c>
      <c r="M72" s="117">
        <v>589</v>
      </c>
    </row>
    <row r="73" spans="2:13" ht="23.25" customHeight="1">
      <c r="B73" s="131"/>
      <c r="C73" s="24" t="s">
        <v>69</v>
      </c>
      <c r="D73" s="15"/>
      <c r="E73" s="8">
        <v>17709</v>
      </c>
      <c r="F73" s="9">
        <v>42822</v>
      </c>
      <c r="G73" s="10">
        <v>22270</v>
      </c>
      <c r="H73" s="10">
        <v>20552</v>
      </c>
      <c r="I73" s="10">
        <v>-66</v>
      </c>
      <c r="J73" s="10">
        <v>-12</v>
      </c>
      <c r="K73" s="10">
        <v>-54</v>
      </c>
      <c r="L73" s="11">
        <v>2.42</v>
      </c>
      <c r="M73" s="12">
        <v>406</v>
      </c>
    </row>
    <row r="74" spans="2:13" ht="23.25" customHeight="1">
      <c r="B74" s="104"/>
      <c r="C74" s="125" t="s">
        <v>70</v>
      </c>
      <c r="D74" s="130"/>
      <c r="E74" s="113">
        <v>16561</v>
      </c>
      <c r="F74" s="114">
        <v>39688</v>
      </c>
      <c r="G74" s="115">
        <v>20672</v>
      </c>
      <c r="H74" s="115">
        <v>19016</v>
      </c>
      <c r="I74" s="115">
        <v>-58</v>
      </c>
      <c r="J74" s="115">
        <v>-11</v>
      </c>
      <c r="K74" s="115">
        <v>-47</v>
      </c>
      <c r="L74" s="116">
        <v>2.4</v>
      </c>
      <c r="M74" s="117">
        <v>1158</v>
      </c>
    </row>
    <row r="75" spans="2:13" ht="23.25" customHeight="1">
      <c r="B75" s="104"/>
      <c r="C75" s="125" t="s">
        <v>71</v>
      </c>
      <c r="D75" s="130"/>
      <c r="E75" s="113">
        <v>1148</v>
      </c>
      <c r="F75" s="114">
        <v>3134</v>
      </c>
      <c r="G75" s="115">
        <v>1598</v>
      </c>
      <c r="H75" s="115">
        <v>1536</v>
      </c>
      <c r="I75" s="115">
        <v>-8</v>
      </c>
      <c r="J75" s="115">
        <v>-1</v>
      </c>
      <c r="K75" s="115">
        <v>-7</v>
      </c>
      <c r="L75" s="116">
        <v>2.73</v>
      </c>
      <c r="M75" s="117">
        <v>44</v>
      </c>
    </row>
    <row r="76" spans="2:13" ht="14.25" thickBot="1">
      <c r="B76" s="145"/>
      <c r="C76" s="174"/>
      <c r="D76" s="174"/>
      <c r="E76" s="146"/>
      <c r="F76" s="147"/>
      <c r="G76" s="147"/>
      <c r="H76" s="147"/>
      <c r="I76" s="147"/>
      <c r="J76" s="147"/>
      <c r="K76" s="147"/>
      <c r="L76" s="147"/>
      <c r="M76" s="175"/>
    </row>
    <row r="77" spans="2:13">
      <c r="M77" s="137" t="s">
        <v>108</v>
      </c>
    </row>
  </sheetData>
  <mergeCells count="2">
    <mergeCell ref="C4:C5"/>
    <mergeCell ref="E4:E5"/>
  </mergeCells>
  <phoneticPr fontId="7"/>
  <printOptions horizontalCentered="1" gridLinesSet="0"/>
  <pageMargins left="0.23622047244094491" right="0.23622047244094491" top="0.74803149606299213" bottom="0.74803149606299213" header="0.31496062992125984" footer="0.31496062992125984"/>
  <pageSetup paperSize="9" scale="78" orientation="portrait" r:id="rId1"/>
  <headerFooter alignWithMargins="0"/>
  <rowBreaks count="1" manualBreakCount="1">
    <brk id="41" min="1" max="12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A1" transitionEvaluation="1"/>
  <dimension ref="B1:O77"/>
  <sheetViews>
    <sheetView view="pageBreakPreview" zoomScale="75" zoomScaleNormal="100" zoomScaleSheetLayoutView="75" workbookViewId="0"/>
  </sheetViews>
  <sheetFormatPr defaultColWidth="12.125" defaultRowHeight="13.5"/>
  <cols>
    <col min="1" max="1" width="12.125" style="80"/>
    <col min="2" max="2" width="1.625" style="80" customWidth="1"/>
    <col min="3" max="3" width="12.375" style="5" customWidth="1"/>
    <col min="4" max="4" width="1.625" style="5" customWidth="1"/>
    <col min="5" max="8" width="12.625" style="5" customWidth="1"/>
    <col min="9" max="13" width="10.625" style="5" customWidth="1"/>
    <col min="14" max="14" width="19" style="80" customWidth="1"/>
    <col min="15" max="15" width="16.75" style="80" customWidth="1"/>
    <col min="16" max="19" width="14.375" style="80" customWidth="1"/>
    <col min="20" max="16384" width="12.125" style="80"/>
  </cols>
  <sheetData>
    <row r="1" spans="2:15" ht="24">
      <c r="B1" s="180"/>
      <c r="C1" s="26" t="s">
        <v>9</v>
      </c>
      <c r="D1" s="27"/>
      <c r="E1" s="28"/>
      <c r="F1" s="29"/>
      <c r="G1" s="29"/>
      <c r="H1" s="29"/>
      <c r="I1" s="29"/>
      <c r="J1" s="29"/>
      <c r="K1" s="29"/>
      <c r="L1" s="29"/>
      <c r="M1" s="30"/>
    </row>
    <row r="2" spans="2:15">
      <c r="B2" s="180"/>
      <c r="C2" s="31"/>
      <c r="D2" s="31"/>
      <c r="E2" s="31"/>
      <c r="F2" s="31"/>
      <c r="G2" s="31"/>
      <c r="H2" s="31"/>
      <c r="I2" s="31"/>
      <c r="J2" s="31"/>
      <c r="K2" s="31"/>
      <c r="L2" s="31"/>
      <c r="M2" s="31"/>
    </row>
    <row r="3" spans="2:15" ht="21.95" customHeight="1" thickBot="1">
      <c r="B3" s="180"/>
      <c r="C3" s="181" t="s">
        <v>150</v>
      </c>
      <c r="D3" s="182"/>
      <c r="E3" s="183"/>
      <c r="F3" s="183"/>
      <c r="G3" s="183"/>
      <c r="H3" s="183"/>
      <c r="I3" s="183"/>
      <c r="J3" s="183"/>
      <c r="K3" s="183"/>
      <c r="L3" s="183"/>
      <c r="M3" s="184" t="s">
        <v>86</v>
      </c>
    </row>
    <row r="4" spans="2:15" ht="18" customHeight="1">
      <c r="B4" s="185"/>
      <c r="C4" s="197" t="s">
        <v>10</v>
      </c>
      <c r="D4" s="37"/>
      <c r="E4" s="199" t="s">
        <v>11</v>
      </c>
      <c r="F4" s="38" t="s">
        <v>6</v>
      </c>
      <c r="G4" s="39"/>
      <c r="H4" s="40" t="s">
        <v>7</v>
      </c>
      <c r="I4" s="41" t="s">
        <v>72</v>
      </c>
      <c r="J4" s="42"/>
      <c r="K4" s="42"/>
      <c r="L4" s="43" t="s">
        <v>0</v>
      </c>
      <c r="M4" s="44" t="s">
        <v>3</v>
      </c>
      <c r="N4" s="99"/>
    </row>
    <row r="5" spans="2:15" ht="18" customHeight="1" thickBot="1">
      <c r="B5" s="186"/>
      <c r="C5" s="201"/>
      <c r="D5" s="187"/>
      <c r="E5" s="200"/>
      <c r="F5" s="188" t="s">
        <v>12</v>
      </c>
      <c r="G5" s="188" t="s">
        <v>1</v>
      </c>
      <c r="H5" s="188" t="s">
        <v>2</v>
      </c>
      <c r="I5" s="188" t="s">
        <v>5</v>
      </c>
      <c r="J5" s="188" t="s">
        <v>13</v>
      </c>
      <c r="K5" s="188" t="s">
        <v>14</v>
      </c>
      <c r="L5" s="188" t="s">
        <v>4</v>
      </c>
      <c r="M5" s="189" t="s">
        <v>15</v>
      </c>
      <c r="N5" s="99"/>
    </row>
    <row r="6" spans="2:15" ht="18" customHeight="1">
      <c r="B6" s="190"/>
      <c r="C6" s="50"/>
      <c r="D6" s="50"/>
      <c r="E6" s="51" t="s">
        <v>8</v>
      </c>
      <c r="F6" s="52" t="s">
        <v>6</v>
      </c>
      <c r="G6" s="52" t="s">
        <v>6</v>
      </c>
      <c r="H6" s="52" t="s">
        <v>6</v>
      </c>
      <c r="I6" s="52" t="s">
        <v>6</v>
      </c>
      <c r="J6" s="52" t="s">
        <v>6</v>
      </c>
      <c r="K6" s="52" t="s">
        <v>6</v>
      </c>
      <c r="L6" s="52" t="s">
        <v>6</v>
      </c>
      <c r="M6" s="53" t="s">
        <v>6</v>
      </c>
      <c r="N6" s="99"/>
    </row>
    <row r="7" spans="2:15" ht="24" customHeight="1">
      <c r="B7" s="16"/>
      <c r="C7" s="23" t="s">
        <v>84</v>
      </c>
      <c r="D7" s="17"/>
      <c r="E7" s="18">
        <v>4070140</v>
      </c>
      <c r="F7" s="19">
        <v>9160412</v>
      </c>
      <c r="G7" s="20">
        <v>4569288</v>
      </c>
      <c r="H7" s="20">
        <v>4591124</v>
      </c>
      <c r="I7" s="20">
        <v>-2867</v>
      </c>
      <c r="J7" s="20">
        <v>-2642</v>
      </c>
      <c r="K7" s="20">
        <v>-225</v>
      </c>
      <c r="L7" s="21">
        <v>2.25</v>
      </c>
      <c r="M7" s="22">
        <v>3791</v>
      </c>
      <c r="N7" s="109"/>
    </row>
    <row r="8" spans="2:15" ht="24" customHeight="1">
      <c r="B8" s="191"/>
      <c r="C8" s="55" t="s">
        <v>85</v>
      </c>
      <c r="D8" s="56"/>
      <c r="E8" s="57">
        <v>3952135</v>
      </c>
      <c r="F8" s="58">
        <v>8869827</v>
      </c>
      <c r="G8" s="59">
        <v>4426283</v>
      </c>
      <c r="H8" s="59">
        <v>4443544</v>
      </c>
      <c r="I8" s="59">
        <v>-2572</v>
      </c>
      <c r="J8" s="59">
        <v>-2399</v>
      </c>
      <c r="K8" s="59">
        <v>-173</v>
      </c>
      <c r="L8" s="60">
        <v>2.2400000000000002</v>
      </c>
      <c r="M8" s="61">
        <v>4901</v>
      </c>
      <c r="N8" s="109"/>
    </row>
    <row r="9" spans="2:15" ht="24" customHeight="1">
      <c r="B9" s="191"/>
      <c r="C9" s="55" t="s">
        <v>16</v>
      </c>
      <c r="D9" s="56"/>
      <c r="E9" s="57">
        <v>118005</v>
      </c>
      <c r="F9" s="58">
        <v>290585</v>
      </c>
      <c r="G9" s="59">
        <v>143005</v>
      </c>
      <c r="H9" s="59">
        <v>147580</v>
      </c>
      <c r="I9" s="59">
        <v>-295</v>
      </c>
      <c r="J9" s="59">
        <v>-243</v>
      </c>
      <c r="K9" s="59">
        <v>-52</v>
      </c>
      <c r="L9" s="60">
        <v>2.46</v>
      </c>
      <c r="M9" s="61">
        <v>479</v>
      </c>
      <c r="N9" s="109"/>
    </row>
    <row r="10" spans="2:15" ht="24" customHeight="1">
      <c r="B10" s="191"/>
      <c r="C10" s="62"/>
      <c r="D10" s="62"/>
      <c r="E10" s="63"/>
      <c r="F10" s="64"/>
      <c r="G10" s="65"/>
      <c r="H10" s="65"/>
      <c r="I10" s="65"/>
      <c r="J10" s="65"/>
      <c r="K10" s="65"/>
      <c r="L10" s="66"/>
      <c r="M10" s="67"/>
      <c r="N10" s="109"/>
    </row>
    <row r="11" spans="2:15" ht="24" customHeight="1">
      <c r="B11" s="124"/>
      <c r="C11" s="24" t="s">
        <v>17</v>
      </c>
      <c r="D11" s="7"/>
      <c r="E11" s="8">
        <v>1674043</v>
      </c>
      <c r="F11" s="9">
        <v>3731665</v>
      </c>
      <c r="G11" s="10">
        <v>1855065</v>
      </c>
      <c r="H11" s="10">
        <v>1876600</v>
      </c>
      <c r="I11" s="10">
        <v>-1419</v>
      </c>
      <c r="J11" s="10">
        <v>-1203</v>
      </c>
      <c r="K11" s="10">
        <v>-216</v>
      </c>
      <c r="L11" s="11">
        <v>2.23</v>
      </c>
      <c r="M11" s="12">
        <v>8528</v>
      </c>
      <c r="N11" s="109"/>
    </row>
    <row r="12" spans="2:15" ht="24" customHeight="1">
      <c r="B12" s="191"/>
      <c r="C12" s="68" t="s">
        <v>18</v>
      </c>
      <c r="D12" s="56"/>
      <c r="E12" s="57">
        <v>136011</v>
      </c>
      <c r="F12" s="58">
        <v>288836</v>
      </c>
      <c r="G12" s="59">
        <v>149228</v>
      </c>
      <c r="H12" s="59">
        <v>139608</v>
      </c>
      <c r="I12" s="59">
        <v>-130</v>
      </c>
      <c r="J12" s="59">
        <v>-54</v>
      </c>
      <c r="K12" s="59">
        <v>-76</v>
      </c>
      <c r="L12" s="60">
        <v>2.12</v>
      </c>
      <c r="M12" s="61">
        <v>8692</v>
      </c>
      <c r="N12" s="109"/>
    </row>
    <row r="13" spans="2:15" ht="24" customHeight="1">
      <c r="B13" s="191"/>
      <c r="C13" s="69" t="s">
        <v>75</v>
      </c>
      <c r="D13" s="56"/>
      <c r="E13" s="57">
        <v>122489</v>
      </c>
      <c r="F13" s="58">
        <v>241811</v>
      </c>
      <c r="G13" s="59">
        <v>122850</v>
      </c>
      <c r="H13" s="59">
        <v>118961</v>
      </c>
      <c r="I13" s="59">
        <v>205</v>
      </c>
      <c r="J13" s="59">
        <v>-40</v>
      </c>
      <c r="K13" s="59">
        <v>245</v>
      </c>
      <c r="L13" s="60">
        <v>1.97</v>
      </c>
      <c r="M13" s="61">
        <v>10190</v>
      </c>
      <c r="N13" s="109"/>
    </row>
    <row r="14" spans="2:15" ht="24" customHeight="1">
      <c r="B14" s="191"/>
      <c r="C14" s="68" t="s">
        <v>19</v>
      </c>
      <c r="D14" s="56"/>
      <c r="E14" s="57">
        <v>53147</v>
      </c>
      <c r="F14" s="58">
        <v>100209</v>
      </c>
      <c r="G14" s="59">
        <v>50733</v>
      </c>
      <c r="H14" s="59">
        <v>49476</v>
      </c>
      <c r="I14" s="59">
        <v>161</v>
      </c>
      <c r="J14" s="59">
        <v>-58</v>
      </c>
      <c r="K14" s="59">
        <v>219</v>
      </c>
      <c r="L14" s="60">
        <v>1.89</v>
      </c>
      <c r="M14" s="61">
        <v>14254</v>
      </c>
      <c r="N14" s="109"/>
      <c r="O14" s="4"/>
    </row>
    <row r="15" spans="2:15" ht="24" customHeight="1">
      <c r="B15" s="191"/>
      <c r="C15" s="68" t="s">
        <v>20</v>
      </c>
      <c r="D15" s="56"/>
      <c r="E15" s="57">
        <v>79848</v>
      </c>
      <c r="F15" s="58">
        <v>149008</v>
      </c>
      <c r="G15" s="59">
        <v>78208</v>
      </c>
      <c r="H15" s="59">
        <v>70800</v>
      </c>
      <c r="I15" s="59">
        <v>-147</v>
      </c>
      <c r="J15" s="59">
        <v>-101</v>
      </c>
      <c r="K15" s="59">
        <v>-46</v>
      </c>
      <c r="L15" s="60">
        <v>1.87</v>
      </c>
      <c r="M15" s="61">
        <v>7002</v>
      </c>
      <c r="N15" s="109"/>
    </row>
    <row r="16" spans="2:15" ht="24" customHeight="1">
      <c r="B16" s="191"/>
      <c r="C16" s="68" t="s">
        <v>21</v>
      </c>
      <c r="D16" s="56"/>
      <c r="E16" s="57">
        <v>97495</v>
      </c>
      <c r="F16" s="58">
        <v>194876</v>
      </c>
      <c r="G16" s="59">
        <v>96952</v>
      </c>
      <c r="H16" s="59">
        <v>97924</v>
      </c>
      <c r="I16" s="59">
        <v>-98</v>
      </c>
      <c r="J16" s="59">
        <v>-137</v>
      </c>
      <c r="K16" s="59">
        <v>39</v>
      </c>
      <c r="L16" s="60">
        <v>2</v>
      </c>
      <c r="M16" s="61">
        <v>15405</v>
      </c>
      <c r="N16" s="109"/>
    </row>
    <row r="17" spans="2:14" ht="24" customHeight="1">
      <c r="B17" s="191"/>
      <c r="C17" s="68" t="s">
        <v>22</v>
      </c>
      <c r="D17" s="56"/>
      <c r="E17" s="57">
        <v>92170</v>
      </c>
      <c r="F17" s="58">
        <v>213876</v>
      </c>
      <c r="G17" s="59">
        <v>104864</v>
      </c>
      <c r="H17" s="59">
        <v>109012</v>
      </c>
      <c r="I17" s="59">
        <v>-80</v>
      </c>
      <c r="J17" s="59">
        <v>-107</v>
      </c>
      <c r="K17" s="59">
        <v>27</v>
      </c>
      <c r="L17" s="60">
        <v>2.3199999999999998</v>
      </c>
      <c r="M17" s="61">
        <v>10748</v>
      </c>
      <c r="N17" s="109"/>
    </row>
    <row r="18" spans="2:14" ht="24" customHeight="1">
      <c r="B18" s="191"/>
      <c r="C18" s="69" t="s">
        <v>76</v>
      </c>
      <c r="D18" s="70"/>
      <c r="E18" s="57">
        <v>94782</v>
      </c>
      <c r="F18" s="58">
        <v>206412</v>
      </c>
      <c r="G18" s="59">
        <v>102687</v>
      </c>
      <c r="H18" s="59">
        <v>103725</v>
      </c>
      <c r="I18" s="59">
        <v>-103</v>
      </c>
      <c r="J18" s="59">
        <v>-91</v>
      </c>
      <c r="K18" s="59">
        <v>-12</v>
      </c>
      <c r="L18" s="60">
        <v>2.1800000000000002</v>
      </c>
      <c r="M18" s="61">
        <v>9412</v>
      </c>
      <c r="N18" s="109"/>
    </row>
    <row r="19" spans="2:14" ht="24" customHeight="1">
      <c r="B19" s="191"/>
      <c r="C19" s="68" t="s">
        <v>23</v>
      </c>
      <c r="D19" s="56"/>
      <c r="E19" s="57">
        <v>104157</v>
      </c>
      <c r="F19" s="58">
        <v>245522</v>
      </c>
      <c r="G19" s="59">
        <v>118943</v>
      </c>
      <c r="H19" s="59">
        <v>126579</v>
      </c>
      <c r="I19" s="59">
        <v>-234</v>
      </c>
      <c r="J19" s="59">
        <v>-163</v>
      </c>
      <c r="K19" s="59">
        <v>-71</v>
      </c>
      <c r="L19" s="60">
        <v>2.36</v>
      </c>
      <c r="M19" s="61">
        <v>7501</v>
      </c>
      <c r="N19" s="109"/>
    </row>
    <row r="20" spans="2:14" ht="24" customHeight="1">
      <c r="B20" s="191"/>
      <c r="C20" s="68" t="s">
        <v>24</v>
      </c>
      <c r="D20" s="56"/>
      <c r="E20" s="57">
        <v>75823</v>
      </c>
      <c r="F20" s="58">
        <v>166375</v>
      </c>
      <c r="G20" s="59">
        <v>81837</v>
      </c>
      <c r="H20" s="59">
        <v>84538</v>
      </c>
      <c r="I20" s="59">
        <v>-140</v>
      </c>
      <c r="J20" s="59">
        <v>-90</v>
      </c>
      <c r="K20" s="59">
        <v>-50</v>
      </c>
      <c r="L20" s="60">
        <v>2.19</v>
      </c>
      <c r="M20" s="61">
        <v>8734</v>
      </c>
      <c r="N20" s="109"/>
    </row>
    <row r="21" spans="2:14" ht="24" customHeight="1">
      <c r="B21" s="191"/>
      <c r="C21" s="68" t="s">
        <v>25</v>
      </c>
      <c r="D21" s="56"/>
      <c r="E21" s="57">
        <v>87572</v>
      </c>
      <c r="F21" s="58">
        <v>199890</v>
      </c>
      <c r="G21" s="59">
        <v>97808</v>
      </c>
      <c r="H21" s="59">
        <v>102082</v>
      </c>
      <c r="I21" s="59">
        <v>-143</v>
      </c>
      <c r="J21" s="59">
        <v>-95</v>
      </c>
      <c r="K21" s="59">
        <v>-48</v>
      </c>
      <c r="L21" s="60">
        <v>2.2799999999999998</v>
      </c>
      <c r="M21" s="61">
        <v>6456</v>
      </c>
      <c r="N21" s="109"/>
    </row>
    <row r="22" spans="2:14" ht="24" customHeight="1">
      <c r="B22" s="191"/>
      <c r="C22" s="68" t="s">
        <v>26</v>
      </c>
      <c r="D22" s="56"/>
      <c r="E22" s="57">
        <v>166243</v>
      </c>
      <c r="F22" s="58">
        <v>348631</v>
      </c>
      <c r="G22" s="59">
        <v>176184</v>
      </c>
      <c r="H22" s="59">
        <v>172447</v>
      </c>
      <c r="I22" s="59">
        <v>-106</v>
      </c>
      <c r="J22" s="59">
        <v>74</v>
      </c>
      <c r="K22" s="59">
        <v>-180</v>
      </c>
      <c r="L22" s="60">
        <v>2.1</v>
      </c>
      <c r="M22" s="61">
        <v>11103</v>
      </c>
      <c r="N22" s="109"/>
    </row>
    <row r="23" spans="2:14" ht="24" customHeight="1">
      <c r="B23" s="191"/>
      <c r="C23" s="68" t="s">
        <v>27</v>
      </c>
      <c r="D23" s="56"/>
      <c r="E23" s="57">
        <v>76151</v>
      </c>
      <c r="F23" s="58">
        <v>181189</v>
      </c>
      <c r="G23" s="59">
        <v>89161</v>
      </c>
      <c r="H23" s="59">
        <v>92028</v>
      </c>
      <c r="I23" s="59">
        <v>-26</v>
      </c>
      <c r="J23" s="59">
        <v>-39</v>
      </c>
      <c r="K23" s="59">
        <v>13</v>
      </c>
      <c r="L23" s="60">
        <v>2.38</v>
      </c>
      <c r="M23" s="61">
        <v>7103</v>
      </c>
      <c r="N23" s="109"/>
    </row>
    <row r="24" spans="2:14" ht="24" customHeight="1">
      <c r="B24" s="191"/>
      <c r="C24" s="68" t="s">
        <v>28</v>
      </c>
      <c r="D24" s="56"/>
      <c r="E24" s="57">
        <v>127002</v>
      </c>
      <c r="F24" s="58">
        <v>309645</v>
      </c>
      <c r="G24" s="59">
        <v>150663</v>
      </c>
      <c r="H24" s="59">
        <v>158982</v>
      </c>
      <c r="I24" s="59">
        <v>-235</v>
      </c>
      <c r="J24" s="59">
        <v>-37</v>
      </c>
      <c r="K24" s="59">
        <v>-198</v>
      </c>
      <c r="L24" s="60">
        <v>2.44</v>
      </c>
      <c r="M24" s="61">
        <v>8792</v>
      </c>
      <c r="N24" s="109"/>
    </row>
    <row r="25" spans="2:14" ht="24" customHeight="1">
      <c r="B25" s="191"/>
      <c r="C25" s="68" t="s">
        <v>29</v>
      </c>
      <c r="D25" s="56"/>
      <c r="E25" s="57">
        <v>81671</v>
      </c>
      <c r="F25" s="58">
        <v>211255</v>
      </c>
      <c r="G25" s="59">
        <v>105397</v>
      </c>
      <c r="H25" s="59">
        <v>105858</v>
      </c>
      <c r="I25" s="59">
        <v>-41</v>
      </c>
      <c r="J25" s="59">
        <v>13</v>
      </c>
      <c r="K25" s="59">
        <v>-54</v>
      </c>
      <c r="L25" s="60">
        <v>2.59</v>
      </c>
      <c r="M25" s="61">
        <v>7580</v>
      </c>
      <c r="N25" s="109"/>
    </row>
    <row r="26" spans="2:14" ht="24" customHeight="1">
      <c r="B26" s="191"/>
      <c r="C26" s="68" t="s">
        <v>30</v>
      </c>
      <c r="D26" s="56"/>
      <c r="E26" s="57">
        <v>115994</v>
      </c>
      <c r="F26" s="58">
        <v>276991</v>
      </c>
      <c r="G26" s="59">
        <v>135695</v>
      </c>
      <c r="H26" s="59">
        <v>141296</v>
      </c>
      <c r="I26" s="59">
        <v>-25</v>
      </c>
      <c r="J26" s="59">
        <v>-87</v>
      </c>
      <c r="K26" s="59">
        <v>62</v>
      </c>
      <c r="L26" s="60">
        <v>2.39</v>
      </c>
      <c r="M26" s="61">
        <v>7739</v>
      </c>
      <c r="N26" s="109"/>
    </row>
    <row r="27" spans="2:14" ht="24" customHeight="1">
      <c r="B27" s="191"/>
      <c r="C27" s="68" t="s">
        <v>31</v>
      </c>
      <c r="D27" s="56"/>
      <c r="E27" s="57">
        <v>51018</v>
      </c>
      <c r="F27" s="58">
        <v>120737</v>
      </c>
      <c r="G27" s="59">
        <v>58907</v>
      </c>
      <c r="H27" s="59">
        <v>61830</v>
      </c>
      <c r="I27" s="59">
        <v>-150</v>
      </c>
      <c r="J27" s="59">
        <v>-61</v>
      </c>
      <c r="K27" s="59">
        <v>-89</v>
      </c>
      <c r="L27" s="60">
        <v>2.37</v>
      </c>
      <c r="M27" s="61">
        <v>6519</v>
      </c>
      <c r="N27" s="109"/>
    </row>
    <row r="28" spans="2:14" ht="24" customHeight="1">
      <c r="B28" s="191"/>
      <c r="C28" s="68" t="s">
        <v>32</v>
      </c>
      <c r="D28" s="56"/>
      <c r="E28" s="57">
        <v>61453</v>
      </c>
      <c r="F28" s="58">
        <v>152932</v>
      </c>
      <c r="G28" s="59">
        <v>74721</v>
      </c>
      <c r="H28" s="59">
        <v>78211</v>
      </c>
      <c r="I28" s="59">
        <v>-52</v>
      </c>
      <c r="J28" s="59">
        <v>-41</v>
      </c>
      <c r="K28" s="59">
        <v>-11</v>
      </c>
      <c r="L28" s="60">
        <v>2.4900000000000002</v>
      </c>
      <c r="M28" s="61">
        <v>6486</v>
      </c>
      <c r="N28" s="109"/>
    </row>
    <row r="29" spans="2:14" ht="24" customHeight="1">
      <c r="B29" s="191"/>
      <c r="C29" s="68" t="s">
        <v>33</v>
      </c>
      <c r="D29" s="56"/>
      <c r="E29" s="57">
        <v>51017</v>
      </c>
      <c r="F29" s="58">
        <v>123470</v>
      </c>
      <c r="G29" s="59">
        <v>60227</v>
      </c>
      <c r="H29" s="59">
        <v>63243</v>
      </c>
      <c r="I29" s="59">
        <v>-75</v>
      </c>
      <c r="J29" s="59">
        <v>-89</v>
      </c>
      <c r="K29" s="59">
        <v>14</v>
      </c>
      <c r="L29" s="60">
        <v>2.42</v>
      </c>
      <c r="M29" s="61">
        <v>7191</v>
      </c>
      <c r="N29" s="109"/>
    </row>
    <row r="30" spans="2:14" ht="24" customHeight="1">
      <c r="B30" s="124"/>
      <c r="C30" s="24" t="s">
        <v>34</v>
      </c>
      <c r="D30" s="7"/>
      <c r="E30" s="8">
        <v>717116</v>
      </c>
      <c r="F30" s="9">
        <v>1505584</v>
      </c>
      <c r="G30" s="10">
        <v>762994</v>
      </c>
      <c r="H30" s="10">
        <v>742590</v>
      </c>
      <c r="I30" s="10">
        <v>227</v>
      </c>
      <c r="J30" s="10">
        <v>100</v>
      </c>
      <c r="K30" s="10">
        <v>127</v>
      </c>
      <c r="L30" s="11">
        <v>2.1</v>
      </c>
      <c r="M30" s="12">
        <v>10528</v>
      </c>
      <c r="N30" s="109"/>
    </row>
    <row r="31" spans="2:14" ht="24" customHeight="1">
      <c r="B31" s="191"/>
      <c r="C31" s="68" t="s">
        <v>35</v>
      </c>
      <c r="D31" s="56"/>
      <c r="E31" s="57">
        <v>116312</v>
      </c>
      <c r="F31" s="58">
        <v>229907</v>
      </c>
      <c r="G31" s="59">
        <v>123386</v>
      </c>
      <c r="H31" s="59">
        <v>106521</v>
      </c>
      <c r="I31" s="59">
        <v>-46</v>
      </c>
      <c r="J31" s="59">
        <v>-75</v>
      </c>
      <c r="K31" s="59">
        <v>29</v>
      </c>
      <c r="L31" s="60">
        <v>1.98</v>
      </c>
      <c r="M31" s="61">
        <v>5816</v>
      </c>
      <c r="N31" s="109"/>
    </row>
    <row r="32" spans="2:14" ht="24" customHeight="1">
      <c r="B32" s="191"/>
      <c r="C32" s="68" t="s">
        <v>77</v>
      </c>
      <c r="D32" s="56"/>
      <c r="E32" s="57">
        <v>78571</v>
      </c>
      <c r="F32" s="58">
        <v>166222</v>
      </c>
      <c r="G32" s="59">
        <v>83888</v>
      </c>
      <c r="H32" s="59">
        <v>82334</v>
      </c>
      <c r="I32" s="59">
        <v>40</v>
      </c>
      <c r="J32" s="59">
        <v>-10</v>
      </c>
      <c r="K32" s="59">
        <v>50</v>
      </c>
      <c r="L32" s="60">
        <v>2.12</v>
      </c>
      <c r="M32" s="61">
        <v>16606</v>
      </c>
      <c r="N32" s="109"/>
    </row>
    <row r="33" spans="2:14" ht="24" customHeight="1">
      <c r="B33" s="191"/>
      <c r="C33" s="68" t="s">
        <v>36</v>
      </c>
      <c r="D33" s="56"/>
      <c r="E33" s="57">
        <v>127945</v>
      </c>
      <c r="F33" s="58">
        <v>254509</v>
      </c>
      <c r="G33" s="59">
        <v>129874</v>
      </c>
      <c r="H33" s="59">
        <v>124635</v>
      </c>
      <c r="I33" s="59">
        <v>95</v>
      </c>
      <c r="J33" s="59">
        <v>116</v>
      </c>
      <c r="K33" s="59">
        <v>-21</v>
      </c>
      <c r="L33" s="60">
        <v>1.99</v>
      </c>
      <c r="M33" s="61">
        <v>17267</v>
      </c>
      <c r="N33" s="109"/>
    </row>
    <row r="34" spans="2:14" ht="24" customHeight="1">
      <c r="B34" s="191"/>
      <c r="C34" s="68" t="s">
        <v>78</v>
      </c>
      <c r="D34" s="56"/>
      <c r="E34" s="57">
        <v>110492</v>
      </c>
      <c r="F34" s="58">
        <v>230977</v>
      </c>
      <c r="G34" s="59">
        <v>116163</v>
      </c>
      <c r="H34" s="59">
        <v>114814</v>
      </c>
      <c r="I34" s="59">
        <v>84</v>
      </c>
      <c r="J34" s="59">
        <v>77</v>
      </c>
      <c r="K34" s="59">
        <v>7</v>
      </c>
      <c r="L34" s="60">
        <v>2.09</v>
      </c>
      <c r="M34" s="61">
        <v>14118</v>
      </c>
      <c r="N34" s="109"/>
    </row>
    <row r="35" spans="2:14" ht="24" customHeight="1">
      <c r="B35" s="191"/>
      <c r="C35" s="68" t="s">
        <v>37</v>
      </c>
      <c r="D35" s="56"/>
      <c r="E35" s="57">
        <v>98194</v>
      </c>
      <c r="F35" s="58">
        <v>230121</v>
      </c>
      <c r="G35" s="59">
        <v>112739</v>
      </c>
      <c r="H35" s="59">
        <v>117382</v>
      </c>
      <c r="I35" s="59">
        <v>41</v>
      </c>
      <c r="J35" s="59">
        <v>19</v>
      </c>
      <c r="K35" s="59">
        <v>22</v>
      </c>
      <c r="L35" s="60">
        <v>2.34</v>
      </c>
      <c r="M35" s="61">
        <v>12365</v>
      </c>
      <c r="N35" s="109"/>
    </row>
    <row r="36" spans="2:14" ht="24" customHeight="1">
      <c r="B36" s="191"/>
      <c r="C36" s="68" t="s">
        <v>38</v>
      </c>
      <c r="D36" s="56"/>
      <c r="E36" s="57">
        <v>109431</v>
      </c>
      <c r="F36" s="58">
        <v>216372</v>
      </c>
      <c r="G36" s="59">
        <v>110676</v>
      </c>
      <c r="H36" s="59">
        <v>105696</v>
      </c>
      <c r="I36" s="59">
        <v>-103</v>
      </c>
      <c r="J36" s="59">
        <v>0</v>
      </c>
      <c r="K36" s="59">
        <v>-103</v>
      </c>
      <c r="L36" s="60">
        <v>1.98</v>
      </c>
      <c r="M36" s="61">
        <v>10555</v>
      </c>
      <c r="N36" s="109"/>
    </row>
    <row r="37" spans="2:14" ht="24" customHeight="1">
      <c r="B37" s="191"/>
      <c r="C37" s="68" t="s">
        <v>39</v>
      </c>
      <c r="D37" s="56"/>
      <c r="E37" s="57">
        <v>76171</v>
      </c>
      <c r="F37" s="58">
        <v>177476</v>
      </c>
      <c r="G37" s="59">
        <v>86268</v>
      </c>
      <c r="H37" s="59">
        <v>91208</v>
      </c>
      <c r="I37" s="59">
        <v>116</v>
      </c>
      <c r="J37" s="59">
        <v>-27</v>
      </c>
      <c r="K37" s="59">
        <v>143</v>
      </c>
      <c r="L37" s="60">
        <v>2.33</v>
      </c>
      <c r="M37" s="61">
        <v>7633</v>
      </c>
      <c r="N37" s="109"/>
    </row>
    <row r="38" spans="2:14" ht="24" customHeight="1">
      <c r="B38" s="124"/>
      <c r="C38" s="24" t="s">
        <v>47</v>
      </c>
      <c r="D38" s="13"/>
      <c r="E38" s="8">
        <v>319734</v>
      </c>
      <c r="F38" s="9">
        <v>722430</v>
      </c>
      <c r="G38" s="10">
        <v>361671</v>
      </c>
      <c r="H38" s="10">
        <v>360759</v>
      </c>
      <c r="I38" s="10">
        <v>-258</v>
      </c>
      <c r="J38" s="10">
        <v>-179</v>
      </c>
      <c r="K38" s="10">
        <v>-79</v>
      </c>
      <c r="L38" s="11">
        <v>2.2599999999999998</v>
      </c>
      <c r="M38" s="12">
        <v>2196</v>
      </c>
      <c r="N38" s="109"/>
    </row>
    <row r="39" spans="2:14" ht="24" customHeight="1">
      <c r="B39" s="191"/>
      <c r="C39" s="68" t="s">
        <v>73</v>
      </c>
      <c r="D39" s="71"/>
      <c r="E39" s="57">
        <v>72788</v>
      </c>
      <c r="F39" s="58">
        <v>172273</v>
      </c>
      <c r="G39" s="59">
        <v>86831</v>
      </c>
      <c r="H39" s="59">
        <v>85442</v>
      </c>
      <c r="I39" s="59">
        <v>-74</v>
      </c>
      <c r="J39" s="59">
        <v>-59</v>
      </c>
      <c r="K39" s="59">
        <v>-15</v>
      </c>
      <c r="L39" s="60">
        <v>2.37</v>
      </c>
      <c r="M39" s="61">
        <v>678</v>
      </c>
      <c r="N39" s="109"/>
    </row>
    <row r="40" spans="2:14" ht="24" customHeight="1">
      <c r="B40" s="191"/>
      <c r="C40" s="68" t="s">
        <v>79</v>
      </c>
      <c r="D40" s="56"/>
      <c r="E40" s="57">
        <v>119898</v>
      </c>
      <c r="F40" s="58">
        <v>271602</v>
      </c>
      <c r="G40" s="59">
        <v>136582</v>
      </c>
      <c r="H40" s="59">
        <v>135020</v>
      </c>
      <c r="I40" s="59">
        <v>-42</v>
      </c>
      <c r="J40" s="59">
        <v>-60</v>
      </c>
      <c r="K40" s="59">
        <v>18</v>
      </c>
      <c r="L40" s="60">
        <v>2.27</v>
      </c>
      <c r="M40" s="61">
        <v>7366</v>
      </c>
      <c r="N40" s="109"/>
    </row>
    <row r="41" spans="2:14" ht="24" customHeight="1">
      <c r="B41" s="191"/>
      <c r="C41" s="68" t="s">
        <v>74</v>
      </c>
      <c r="D41" s="56"/>
      <c r="E41" s="57">
        <v>127048</v>
      </c>
      <c r="F41" s="58">
        <v>278555</v>
      </c>
      <c r="G41" s="59">
        <v>138258</v>
      </c>
      <c r="H41" s="59">
        <v>140297</v>
      </c>
      <c r="I41" s="59">
        <v>-142</v>
      </c>
      <c r="J41" s="59">
        <v>-60</v>
      </c>
      <c r="K41" s="59">
        <v>-82</v>
      </c>
      <c r="L41" s="60">
        <v>2.19</v>
      </c>
      <c r="M41" s="61">
        <v>7309</v>
      </c>
      <c r="N41" s="109"/>
    </row>
    <row r="42" spans="2:14" ht="23.25" customHeight="1">
      <c r="B42" s="191"/>
      <c r="C42" s="68" t="s">
        <v>40</v>
      </c>
      <c r="D42" s="72"/>
      <c r="E42" s="57">
        <v>166764</v>
      </c>
      <c r="F42" s="58">
        <v>399845</v>
      </c>
      <c r="G42" s="59">
        <v>199426</v>
      </c>
      <c r="H42" s="59">
        <v>200419</v>
      </c>
      <c r="I42" s="59">
        <v>-376</v>
      </c>
      <c r="J42" s="59">
        <v>-284</v>
      </c>
      <c r="K42" s="59">
        <v>-92</v>
      </c>
      <c r="L42" s="60">
        <v>2.4</v>
      </c>
      <c r="M42" s="61">
        <v>3966</v>
      </c>
      <c r="N42" s="99"/>
    </row>
    <row r="43" spans="2:14" ht="23.25" customHeight="1">
      <c r="B43" s="191"/>
      <c r="C43" s="68" t="s">
        <v>41</v>
      </c>
      <c r="D43" s="72"/>
      <c r="E43" s="57">
        <v>110097</v>
      </c>
      <c r="F43" s="58">
        <v>258189</v>
      </c>
      <c r="G43" s="59">
        <v>129438</v>
      </c>
      <c r="H43" s="59">
        <v>128751</v>
      </c>
      <c r="I43" s="59">
        <v>-192</v>
      </c>
      <c r="J43" s="59">
        <v>-115</v>
      </c>
      <c r="K43" s="59">
        <v>-77</v>
      </c>
      <c r="L43" s="60">
        <v>2.35</v>
      </c>
      <c r="M43" s="61">
        <v>3807</v>
      </c>
    </row>
    <row r="44" spans="2:14" ht="23.25" customHeight="1">
      <c r="B44" s="191"/>
      <c r="C44" s="68" t="s">
        <v>42</v>
      </c>
      <c r="D44" s="72"/>
      <c r="E44" s="57">
        <v>73699</v>
      </c>
      <c r="F44" s="58">
        <v>172072</v>
      </c>
      <c r="G44" s="59">
        <v>81109</v>
      </c>
      <c r="H44" s="59">
        <v>90963</v>
      </c>
      <c r="I44" s="59">
        <v>-57</v>
      </c>
      <c r="J44" s="59">
        <v>-105</v>
      </c>
      <c r="K44" s="59">
        <v>48</v>
      </c>
      <c r="L44" s="60">
        <v>2.33</v>
      </c>
      <c r="M44" s="61">
        <v>4338</v>
      </c>
    </row>
    <row r="45" spans="2:14" ht="23.25" customHeight="1">
      <c r="B45" s="191"/>
      <c r="C45" s="68" t="s">
        <v>43</v>
      </c>
      <c r="D45" s="72"/>
      <c r="E45" s="57">
        <v>185507</v>
      </c>
      <c r="F45" s="58">
        <v>429205</v>
      </c>
      <c r="G45" s="59">
        <v>212280</v>
      </c>
      <c r="H45" s="59">
        <v>216925</v>
      </c>
      <c r="I45" s="59">
        <v>-44</v>
      </c>
      <c r="J45" s="59">
        <v>-85</v>
      </c>
      <c r="K45" s="59">
        <v>41</v>
      </c>
      <c r="L45" s="60">
        <v>2.31</v>
      </c>
      <c r="M45" s="61">
        <v>6169</v>
      </c>
    </row>
    <row r="46" spans="2:14" ht="23.25" customHeight="1">
      <c r="B46" s="190"/>
      <c r="C46" s="68" t="s">
        <v>44</v>
      </c>
      <c r="D46" s="72"/>
      <c r="E46" s="57">
        <v>80654</v>
      </c>
      <c r="F46" s="58">
        <v>191958</v>
      </c>
      <c r="G46" s="59">
        <v>93501</v>
      </c>
      <c r="H46" s="59">
        <v>98457</v>
      </c>
      <c r="I46" s="59">
        <v>-158</v>
      </c>
      <c r="J46" s="59">
        <v>-96</v>
      </c>
      <c r="K46" s="59">
        <v>-62</v>
      </c>
      <c r="L46" s="60">
        <v>2.38</v>
      </c>
      <c r="M46" s="61">
        <v>1687</v>
      </c>
    </row>
    <row r="47" spans="2:14" ht="23.25" customHeight="1">
      <c r="B47" s="190"/>
      <c r="C47" s="68" t="s">
        <v>45</v>
      </c>
      <c r="D47" s="73"/>
      <c r="E47" s="57">
        <v>100559</v>
      </c>
      <c r="F47" s="58">
        <v>240934</v>
      </c>
      <c r="G47" s="59">
        <v>117409</v>
      </c>
      <c r="H47" s="59">
        <v>123525</v>
      </c>
      <c r="I47" s="59">
        <v>-17</v>
      </c>
      <c r="J47" s="59">
        <v>-85</v>
      </c>
      <c r="K47" s="59">
        <v>68</v>
      </c>
      <c r="L47" s="60">
        <v>2.4</v>
      </c>
      <c r="M47" s="61">
        <v>6749</v>
      </c>
    </row>
    <row r="48" spans="2:14" ht="23.25" customHeight="1">
      <c r="B48" s="190"/>
      <c r="C48" s="68" t="s">
        <v>46</v>
      </c>
      <c r="D48" s="73"/>
      <c r="E48" s="57">
        <v>24508</v>
      </c>
      <c r="F48" s="58">
        <v>57314</v>
      </c>
      <c r="G48" s="59">
        <v>26780</v>
      </c>
      <c r="H48" s="59">
        <v>30534</v>
      </c>
      <c r="I48" s="59">
        <v>-47</v>
      </c>
      <c r="J48" s="59">
        <v>-41</v>
      </c>
      <c r="K48" s="59">
        <v>-6</v>
      </c>
      <c r="L48" s="60">
        <v>2.34</v>
      </c>
      <c r="M48" s="61">
        <v>3317</v>
      </c>
    </row>
    <row r="49" spans="2:13" ht="23.25" customHeight="1">
      <c r="B49" s="190"/>
      <c r="C49" s="68" t="s">
        <v>48</v>
      </c>
      <c r="D49" s="73"/>
      <c r="E49" s="57">
        <v>17478</v>
      </c>
      <c r="F49" s="58">
        <v>43643</v>
      </c>
      <c r="G49" s="59">
        <v>20964</v>
      </c>
      <c r="H49" s="59">
        <v>22679</v>
      </c>
      <c r="I49" s="59">
        <v>-80</v>
      </c>
      <c r="J49" s="59">
        <v>-54</v>
      </c>
      <c r="K49" s="59">
        <v>-26</v>
      </c>
      <c r="L49" s="60">
        <v>2.5</v>
      </c>
      <c r="M49" s="61">
        <v>1362</v>
      </c>
    </row>
    <row r="50" spans="2:13" ht="23.25" customHeight="1">
      <c r="B50" s="190"/>
      <c r="C50" s="68" t="s">
        <v>49</v>
      </c>
      <c r="D50" s="73"/>
      <c r="E50" s="57">
        <v>70917</v>
      </c>
      <c r="F50" s="58">
        <v>165942</v>
      </c>
      <c r="G50" s="59">
        <v>84882</v>
      </c>
      <c r="H50" s="59">
        <v>81060</v>
      </c>
      <c r="I50" s="59">
        <v>-122</v>
      </c>
      <c r="J50" s="59">
        <v>-66</v>
      </c>
      <c r="K50" s="59">
        <v>-56</v>
      </c>
      <c r="L50" s="60">
        <v>2.34</v>
      </c>
      <c r="M50" s="61">
        <v>1599</v>
      </c>
    </row>
    <row r="51" spans="2:13" ht="23.25" customHeight="1">
      <c r="B51" s="190"/>
      <c r="C51" s="68" t="s">
        <v>50</v>
      </c>
      <c r="D51" s="73"/>
      <c r="E51" s="57">
        <v>98373</v>
      </c>
      <c r="F51" s="58">
        <v>225753</v>
      </c>
      <c r="G51" s="59">
        <v>116688</v>
      </c>
      <c r="H51" s="59">
        <v>109065</v>
      </c>
      <c r="I51" s="59">
        <v>-59</v>
      </c>
      <c r="J51" s="59">
        <v>-40</v>
      </c>
      <c r="K51" s="59">
        <v>-19</v>
      </c>
      <c r="L51" s="60">
        <v>2.29</v>
      </c>
      <c r="M51" s="61">
        <v>2406</v>
      </c>
    </row>
    <row r="52" spans="2:13" ht="23.25" customHeight="1">
      <c r="B52" s="190"/>
      <c r="C52" s="68" t="s">
        <v>51</v>
      </c>
      <c r="D52" s="73"/>
      <c r="E52" s="57">
        <v>105042</v>
      </c>
      <c r="F52" s="58">
        <v>235364</v>
      </c>
      <c r="G52" s="59">
        <v>117656</v>
      </c>
      <c r="H52" s="59">
        <v>117708</v>
      </c>
      <c r="I52" s="59">
        <v>-14</v>
      </c>
      <c r="J52" s="59">
        <v>-33</v>
      </c>
      <c r="K52" s="59">
        <v>19</v>
      </c>
      <c r="L52" s="60">
        <v>2.2400000000000002</v>
      </c>
      <c r="M52" s="61">
        <v>8688</v>
      </c>
    </row>
    <row r="53" spans="2:13" ht="23.25" customHeight="1">
      <c r="B53" s="190"/>
      <c r="C53" s="68" t="s">
        <v>52</v>
      </c>
      <c r="D53" s="73"/>
      <c r="E53" s="57">
        <v>44385</v>
      </c>
      <c r="F53" s="58">
        <v>102198</v>
      </c>
      <c r="G53" s="59">
        <v>51710</v>
      </c>
      <c r="H53" s="59">
        <v>50488</v>
      </c>
      <c r="I53" s="59">
        <v>55</v>
      </c>
      <c r="J53" s="59">
        <v>-38</v>
      </c>
      <c r="K53" s="59">
        <v>93</v>
      </c>
      <c r="L53" s="60">
        <v>2.2999999999999998</v>
      </c>
      <c r="M53" s="61">
        <v>1839</v>
      </c>
    </row>
    <row r="54" spans="2:13" ht="23.25" customHeight="1">
      <c r="B54" s="190"/>
      <c r="C54" s="68" t="s">
        <v>53</v>
      </c>
      <c r="D54" s="73"/>
      <c r="E54" s="57">
        <v>55152</v>
      </c>
      <c r="F54" s="58">
        <v>131428</v>
      </c>
      <c r="G54" s="59">
        <v>66168</v>
      </c>
      <c r="H54" s="59">
        <v>65260</v>
      </c>
      <c r="I54" s="59">
        <v>16</v>
      </c>
      <c r="J54" s="59">
        <v>0</v>
      </c>
      <c r="K54" s="59">
        <v>16</v>
      </c>
      <c r="L54" s="60">
        <v>2.38</v>
      </c>
      <c r="M54" s="61">
        <v>4943</v>
      </c>
    </row>
    <row r="55" spans="2:13" ht="23.25" customHeight="1">
      <c r="B55" s="190"/>
      <c r="C55" s="68" t="s">
        <v>54</v>
      </c>
      <c r="D55" s="73"/>
      <c r="E55" s="57">
        <v>57509</v>
      </c>
      <c r="F55" s="58">
        <v>129435</v>
      </c>
      <c r="G55" s="59">
        <v>64679</v>
      </c>
      <c r="H55" s="59">
        <v>64756</v>
      </c>
      <c r="I55" s="59">
        <v>-32</v>
      </c>
      <c r="J55" s="59">
        <v>-29</v>
      </c>
      <c r="K55" s="59">
        <v>-3</v>
      </c>
      <c r="L55" s="60">
        <v>2.25</v>
      </c>
      <c r="M55" s="61">
        <v>7367</v>
      </c>
    </row>
    <row r="56" spans="2:13" ht="23.25" customHeight="1">
      <c r="B56" s="190"/>
      <c r="C56" s="68" t="s">
        <v>55</v>
      </c>
      <c r="D56" s="73"/>
      <c r="E56" s="57">
        <v>16448</v>
      </c>
      <c r="F56" s="58">
        <v>42585</v>
      </c>
      <c r="G56" s="59">
        <v>20980</v>
      </c>
      <c r="H56" s="59">
        <v>21605</v>
      </c>
      <c r="I56" s="59">
        <v>-28</v>
      </c>
      <c r="J56" s="59">
        <v>-19</v>
      </c>
      <c r="K56" s="59">
        <v>-9</v>
      </c>
      <c r="L56" s="60">
        <v>2.59</v>
      </c>
      <c r="M56" s="61">
        <v>552</v>
      </c>
    </row>
    <row r="57" spans="2:13" ht="23.25" customHeight="1">
      <c r="B57" s="190"/>
      <c r="C57" s="68" t="s">
        <v>56</v>
      </c>
      <c r="D57" s="73"/>
      <c r="E57" s="57">
        <v>34150</v>
      </c>
      <c r="F57" s="58">
        <v>84283</v>
      </c>
      <c r="G57" s="59">
        <v>42883</v>
      </c>
      <c r="H57" s="59">
        <v>41400</v>
      </c>
      <c r="I57" s="59">
        <v>33</v>
      </c>
      <c r="J57" s="59">
        <v>-27</v>
      </c>
      <c r="K57" s="59">
        <v>60</v>
      </c>
      <c r="L57" s="60">
        <v>2.4700000000000002</v>
      </c>
      <c r="M57" s="61">
        <v>3807</v>
      </c>
    </row>
    <row r="58" spans="2:13" ht="23.25" customHeight="1">
      <c r="B58" s="190"/>
      <c r="C58" s="69" t="s">
        <v>151</v>
      </c>
      <c r="D58" s="73"/>
      <c r="E58" s="57">
        <v>12633</v>
      </c>
      <c r="F58" s="58">
        <v>31912</v>
      </c>
      <c r="G58" s="59">
        <v>15076</v>
      </c>
      <c r="H58" s="59">
        <v>16836</v>
      </c>
      <c r="I58" s="59">
        <v>-18</v>
      </c>
      <c r="J58" s="59">
        <v>-24</v>
      </c>
      <c r="K58" s="59">
        <v>6</v>
      </c>
      <c r="L58" s="60">
        <v>2.5299999999999998</v>
      </c>
      <c r="M58" s="61">
        <v>1873</v>
      </c>
    </row>
    <row r="59" spans="2:13" ht="23.25" customHeight="1">
      <c r="B59" s="190"/>
      <c r="C59" s="69" t="s">
        <v>82</v>
      </c>
      <c r="D59" s="73"/>
      <c r="E59" s="57">
        <v>19300</v>
      </c>
      <c r="F59" s="58">
        <v>48169</v>
      </c>
      <c r="G59" s="59">
        <v>24420</v>
      </c>
      <c r="H59" s="59">
        <v>23749</v>
      </c>
      <c r="I59" s="59">
        <v>16</v>
      </c>
      <c r="J59" s="59">
        <v>-11</v>
      </c>
      <c r="K59" s="59">
        <v>27</v>
      </c>
      <c r="L59" s="60">
        <v>2.5</v>
      </c>
      <c r="M59" s="61">
        <v>3611</v>
      </c>
    </row>
    <row r="60" spans="2:13" ht="23.25" customHeight="1">
      <c r="B60" s="131"/>
      <c r="C60" s="24" t="s">
        <v>57</v>
      </c>
      <c r="D60" s="15"/>
      <c r="E60" s="8">
        <v>23883</v>
      </c>
      <c r="F60" s="9">
        <v>59492</v>
      </c>
      <c r="G60" s="10">
        <v>28851</v>
      </c>
      <c r="H60" s="10">
        <v>30641</v>
      </c>
      <c r="I60" s="10">
        <v>-26</v>
      </c>
      <c r="J60" s="10">
        <v>-58</v>
      </c>
      <c r="K60" s="10">
        <v>32</v>
      </c>
      <c r="L60" s="11">
        <v>2.4900000000000002</v>
      </c>
      <c r="M60" s="12">
        <v>2266</v>
      </c>
    </row>
    <row r="61" spans="2:13" ht="23.25" customHeight="1">
      <c r="B61" s="190"/>
      <c r="C61" s="68" t="s">
        <v>58</v>
      </c>
      <c r="D61" s="73"/>
      <c r="E61" s="57">
        <v>12555</v>
      </c>
      <c r="F61" s="58">
        <v>31514</v>
      </c>
      <c r="G61" s="59">
        <v>15383</v>
      </c>
      <c r="H61" s="59">
        <v>16131</v>
      </c>
      <c r="I61" s="59">
        <v>-16</v>
      </c>
      <c r="J61" s="59">
        <v>-33</v>
      </c>
      <c r="K61" s="59">
        <v>17</v>
      </c>
      <c r="L61" s="60">
        <v>2.5099999999999998</v>
      </c>
      <c r="M61" s="61">
        <v>1834</v>
      </c>
    </row>
    <row r="62" spans="2:13" ht="23.25" customHeight="1">
      <c r="B62" s="190"/>
      <c r="C62" s="68" t="s">
        <v>59</v>
      </c>
      <c r="D62" s="73"/>
      <c r="E62" s="57">
        <v>11328</v>
      </c>
      <c r="F62" s="58">
        <v>27978</v>
      </c>
      <c r="G62" s="59">
        <v>13468</v>
      </c>
      <c r="H62" s="59">
        <v>14510</v>
      </c>
      <c r="I62" s="59">
        <v>-10</v>
      </c>
      <c r="J62" s="59">
        <v>-25</v>
      </c>
      <c r="K62" s="59">
        <v>15</v>
      </c>
      <c r="L62" s="60">
        <v>2.4700000000000002</v>
      </c>
      <c r="M62" s="61">
        <v>3081</v>
      </c>
    </row>
    <row r="63" spans="2:13" ht="23.25" customHeight="1">
      <c r="B63" s="131"/>
      <c r="C63" s="24" t="s">
        <v>60</v>
      </c>
      <c r="D63" s="15"/>
      <c r="E63" s="8">
        <v>24588</v>
      </c>
      <c r="F63" s="9">
        <v>65089</v>
      </c>
      <c r="G63" s="10">
        <v>32146</v>
      </c>
      <c r="H63" s="10">
        <v>32943</v>
      </c>
      <c r="I63" s="10">
        <v>-7</v>
      </c>
      <c r="J63" s="10">
        <v>-42</v>
      </c>
      <c r="K63" s="10">
        <v>35</v>
      </c>
      <c r="L63" s="11">
        <v>2.65</v>
      </c>
      <c r="M63" s="12">
        <v>215</v>
      </c>
    </row>
    <row r="64" spans="2:13" ht="23.25" customHeight="1">
      <c r="B64" s="190"/>
      <c r="C64" s="68" t="s">
        <v>61</v>
      </c>
      <c r="D64" s="73"/>
      <c r="E64" s="57">
        <v>3421</v>
      </c>
      <c r="F64" s="58">
        <v>9499</v>
      </c>
      <c r="G64" s="59">
        <v>4770</v>
      </c>
      <c r="H64" s="59">
        <v>4729</v>
      </c>
      <c r="I64" s="59">
        <v>-26</v>
      </c>
      <c r="J64" s="59">
        <v>-14</v>
      </c>
      <c r="K64" s="59">
        <v>-12</v>
      </c>
      <c r="L64" s="60">
        <v>2.78</v>
      </c>
      <c r="M64" s="61">
        <v>475</v>
      </c>
    </row>
    <row r="65" spans="2:13" ht="23.25" customHeight="1">
      <c r="B65" s="190"/>
      <c r="C65" s="68" t="s">
        <v>62</v>
      </c>
      <c r="D65" s="73"/>
      <c r="E65" s="57">
        <v>6335</v>
      </c>
      <c r="F65" s="58">
        <v>16968</v>
      </c>
      <c r="G65" s="59">
        <v>8446</v>
      </c>
      <c r="H65" s="59">
        <v>8522</v>
      </c>
      <c r="I65" s="59">
        <v>-2</v>
      </c>
      <c r="J65" s="59">
        <v>-6</v>
      </c>
      <c r="K65" s="59">
        <v>4</v>
      </c>
      <c r="L65" s="60">
        <v>2.68</v>
      </c>
      <c r="M65" s="61">
        <v>1180</v>
      </c>
    </row>
    <row r="66" spans="2:13" ht="23.25" customHeight="1">
      <c r="B66" s="190"/>
      <c r="C66" s="68" t="s">
        <v>63</v>
      </c>
      <c r="D66" s="73"/>
      <c r="E66" s="57">
        <v>4457</v>
      </c>
      <c r="F66" s="58">
        <v>10966</v>
      </c>
      <c r="G66" s="59">
        <v>5415</v>
      </c>
      <c r="H66" s="59">
        <v>5551</v>
      </c>
      <c r="I66" s="59">
        <v>16</v>
      </c>
      <c r="J66" s="59">
        <v>-4</v>
      </c>
      <c r="K66" s="59">
        <v>20</v>
      </c>
      <c r="L66" s="60">
        <v>2.46</v>
      </c>
      <c r="M66" s="61">
        <v>290</v>
      </c>
    </row>
    <row r="67" spans="2:13" ht="23.25" customHeight="1">
      <c r="B67" s="190"/>
      <c r="C67" s="68" t="s">
        <v>64</v>
      </c>
      <c r="D67" s="73"/>
      <c r="E67" s="57">
        <v>3842</v>
      </c>
      <c r="F67" s="58">
        <v>10091</v>
      </c>
      <c r="G67" s="59">
        <v>4949</v>
      </c>
      <c r="H67" s="59">
        <v>5142</v>
      </c>
      <c r="I67" s="59">
        <v>-24</v>
      </c>
      <c r="J67" s="59">
        <v>-13</v>
      </c>
      <c r="K67" s="59">
        <v>-11</v>
      </c>
      <c r="L67" s="60">
        <v>2.63</v>
      </c>
      <c r="M67" s="61">
        <v>45</v>
      </c>
    </row>
    <row r="68" spans="2:13" ht="23.25" customHeight="1">
      <c r="B68" s="190"/>
      <c r="C68" s="68" t="s">
        <v>65</v>
      </c>
      <c r="D68" s="73"/>
      <c r="E68" s="57">
        <v>6533</v>
      </c>
      <c r="F68" s="58">
        <v>17565</v>
      </c>
      <c r="G68" s="59">
        <v>8566</v>
      </c>
      <c r="H68" s="59">
        <v>8999</v>
      </c>
      <c r="I68" s="59">
        <v>29</v>
      </c>
      <c r="J68" s="59">
        <v>-5</v>
      </c>
      <c r="K68" s="59">
        <v>34</v>
      </c>
      <c r="L68" s="60">
        <v>2.69</v>
      </c>
      <c r="M68" s="61">
        <v>2682</v>
      </c>
    </row>
    <row r="69" spans="2:13" ht="23.25" customHeight="1">
      <c r="B69" s="131"/>
      <c r="C69" s="24" t="s">
        <v>66</v>
      </c>
      <c r="D69" s="15"/>
      <c r="E69" s="8">
        <v>20038</v>
      </c>
      <c r="F69" s="9">
        <v>42861</v>
      </c>
      <c r="G69" s="10">
        <v>20096</v>
      </c>
      <c r="H69" s="10">
        <v>22765</v>
      </c>
      <c r="I69" s="10">
        <v>-182</v>
      </c>
      <c r="J69" s="10">
        <v>-78</v>
      </c>
      <c r="K69" s="10">
        <v>-104</v>
      </c>
      <c r="L69" s="11">
        <v>2.14</v>
      </c>
      <c r="M69" s="12">
        <v>304</v>
      </c>
    </row>
    <row r="70" spans="2:13" ht="23.25" customHeight="1">
      <c r="B70" s="190"/>
      <c r="C70" s="68" t="s">
        <v>67</v>
      </c>
      <c r="D70" s="73"/>
      <c r="E70" s="57">
        <v>6194</v>
      </c>
      <c r="F70" s="58">
        <v>11501</v>
      </c>
      <c r="G70" s="59">
        <v>5498</v>
      </c>
      <c r="H70" s="59">
        <v>6003</v>
      </c>
      <c r="I70" s="59">
        <v>-98</v>
      </c>
      <c r="J70" s="59">
        <v>-22</v>
      </c>
      <c r="K70" s="59">
        <v>-76</v>
      </c>
      <c r="L70" s="60">
        <v>1.86</v>
      </c>
      <c r="M70" s="61">
        <v>124</v>
      </c>
    </row>
    <row r="71" spans="2:13" ht="23.25" customHeight="1">
      <c r="B71" s="190"/>
      <c r="C71" s="68" t="s">
        <v>68</v>
      </c>
      <c r="D71" s="73"/>
      <c r="E71" s="57">
        <v>3052</v>
      </c>
      <c r="F71" s="58">
        <v>7018</v>
      </c>
      <c r="G71" s="59">
        <v>3285</v>
      </c>
      <c r="H71" s="59">
        <v>3733</v>
      </c>
      <c r="I71" s="59">
        <v>-33</v>
      </c>
      <c r="J71" s="59">
        <v>-8</v>
      </c>
      <c r="K71" s="59">
        <v>-25</v>
      </c>
      <c r="L71" s="60">
        <v>2.2999999999999998</v>
      </c>
      <c r="M71" s="61">
        <v>995</v>
      </c>
    </row>
    <row r="72" spans="2:13" ht="23.25" customHeight="1">
      <c r="B72" s="190"/>
      <c r="C72" s="68" t="s">
        <v>83</v>
      </c>
      <c r="D72" s="73"/>
      <c r="E72" s="57">
        <v>10792</v>
      </c>
      <c r="F72" s="58">
        <v>24342</v>
      </c>
      <c r="G72" s="59">
        <v>11313</v>
      </c>
      <c r="H72" s="59">
        <v>13029</v>
      </c>
      <c r="I72" s="59">
        <v>-51</v>
      </c>
      <c r="J72" s="59">
        <v>-48</v>
      </c>
      <c r="K72" s="59">
        <v>-3</v>
      </c>
      <c r="L72" s="60">
        <v>2.2599999999999998</v>
      </c>
      <c r="M72" s="61">
        <v>594</v>
      </c>
    </row>
    <row r="73" spans="2:13" ht="23.25" customHeight="1">
      <c r="B73" s="131"/>
      <c r="C73" s="24" t="s">
        <v>69</v>
      </c>
      <c r="D73" s="15"/>
      <c r="E73" s="8">
        <v>17563</v>
      </c>
      <c r="F73" s="9">
        <v>43062</v>
      </c>
      <c r="G73" s="10">
        <v>22416</v>
      </c>
      <c r="H73" s="10">
        <v>20646</v>
      </c>
      <c r="I73" s="10">
        <v>-78</v>
      </c>
      <c r="J73" s="10">
        <v>-30</v>
      </c>
      <c r="K73" s="10">
        <v>-48</v>
      </c>
      <c r="L73" s="11">
        <v>2.4500000000000002</v>
      </c>
      <c r="M73" s="12">
        <v>408</v>
      </c>
    </row>
    <row r="74" spans="2:13" ht="23.25" customHeight="1">
      <c r="B74" s="190"/>
      <c r="C74" s="68" t="s">
        <v>70</v>
      </c>
      <c r="D74" s="73"/>
      <c r="E74" s="57">
        <v>16428</v>
      </c>
      <c r="F74" s="58">
        <v>39933</v>
      </c>
      <c r="G74" s="59">
        <v>20809</v>
      </c>
      <c r="H74" s="59">
        <v>19124</v>
      </c>
      <c r="I74" s="59">
        <v>-75</v>
      </c>
      <c r="J74" s="59">
        <v>-29</v>
      </c>
      <c r="K74" s="59">
        <v>-46</v>
      </c>
      <c r="L74" s="60">
        <v>2.4300000000000002</v>
      </c>
      <c r="M74" s="61">
        <v>1165</v>
      </c>
    </row>
    <row r="75" spans="2:13" ht="23.25" customHeight="1">
      <c r="B75" s="190"/>
      <c r="C75" s="68" t="s">
        <v>71</v>
      </c>
      <c r="D75" s="73"/>
      <c r="E75" s="57">
        <v>1135</v>
      </c>
      <c r="F75" s="58">
        <v>3129</v>
      </c>
      <c r="G75" s="59">
        <v>1607</v>
      </c>
      <c r="H75" s="59">
        <v>1522</v>
      </c>
      <c r="I75" s="59">
        <v>-3</v>
      </c>
      <c r="J75" s="59">
        <v>-1</v>
      </c>
      <c r="K75" s="59">
        <v>-2</v>
      </c>
      <c r="L75" s="60">
        <v>2.76</v>
      </c>
      <c r="M75" s="61">
        <v>44</v>
      </c>
    </row>
    <row r="76" spans="2:13" ht="14.25" thickBot="1">
      <c r="B76" s="192"/>
      <c r="C76" s="193"/>
      <c r="D76" s="193"/>
      <c r="E76" s="194"/>
      <c r="F76" s="195"/>
      <c r="G76" s="195"/>
      <c r="H76" s="195"/>
      <c r="I76" s="195"/>
      <c r="J76" s="195"/>
      <c r="K76" s="195"/>
      <c r="L76" s="195"/>
      <c r="M76" s="196"/>
    </row>
    <row r="77" spans="2:13">
      <c r="B77" s="180"/>
      <c r="C77" s="31"/>
      <c r="D77" s="31"/>
      <c r="E77" s="31"/>
      <c r="F77" s="31"/>
      <c r="G77" s="31"/>
      <c r="H77" s="31"/>
      <c r="I77" s="31"/>
      <c r="J77" s="31"/>
      <c r="K77" s="31"/>
      <c r="L77" s="31"/>
      <c r="M77" s="79" t="s">
        <v>80</v>
      </c>
    </row>
  </sheetData>
  <mergeCells count="2">
    <mergeCell ref="C4:C5"/>
    <mergeCell ref="E4:E5"/>
  </mergeCells>
  <phoneticPr fontId="7"/>
  <printOptions horizontalCentered="1" gridLinesSet="0"/>
  <pageMargins left="0.23622047244094491" right="0.23622047244094491" top="0.74803149606299213" bottom="0.74803149606299213" header="0.31496062992125984" footer="0.31496062992125984"/>
  <pageSetup paperSize="9" scale="78" orientation="portrait" r:id="rId1"/>
  <headerFooter alignWithMargins="0"/>
  <rowBreaks count="1" manualBreakCount="1">
    <brk id="41" min="1" max="12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A1" transitionEvaluation="1"/>
  <dimension ref="B1:O77"/>
  <sheetViews>
    <sheetView view="pageBreakPreview" zoomScale="75" zoomScaleNormal="100" zoomScaleSheetLayoutView="75" workbookViewId="0"/>
  </sheetViews>
  <sheetFormatPr defaultColWidth="12.125" defaultRowHeight="13.5"/>
  <cols>
    <col min="1" max="1" width="12.125" style="80"/>
    <col min="2" max="2" width="1.625" style="80" customWidth="1"/>
    <col min="3" max="3" width="12.375" style="5" customWidth="1"/>
    <col min="4" max="4" width="1.625" style="5" customWidth="1"/>
    <col min="5" max="8" width="12.625" style="5" customWidth="1"/>
    <col min="9" max="13" width="10.625" style="5" customWidth="1"/>
    <col min="14" max="14" width="19" style="80" customWidth="1"/>
    <col min="15" max="15" width="16.75" style="80" customWidth="1"/>
    <col min="16" max="19" width="14.375" style="80" customWidth="1"/>
    <col min="20" max="16384" width="12.125" style="80"/>
  </cols>
  <sheetData>
    <row r="1" spans="2:15" ht="24">
      <c r="C1" s="81" t="s">
        <v>9</v>
      </c>
      <c r="D1" s="82"/>
      <c r="E1" s="83"/>
      <c r="F1" s="84"/>
      <c r="G1" s="84"/>
      <c r="H1" s="84"/>
      <c r="I1" s="84"/>
      <c r="J1" s="84"/>
      <c r="K1" s="84"/>
      <c r="L1" s="84"/>
      <c r="M1" s="85"/>
    </row>
    <row r="3" spans="2:15" ht="21.95" customHeight="1" thickBot="1">
      <c r="C3" s="86" t="s">
        <v>88</v>
      </c>
      <c r="D3" s="87"/>
      <c r="E3" s="88"/>
      <c r="F3" s="88"/>
      <c r="G3" s="88"/>
      <c r="H3" s="88"/>
      <c r="I3" s="88"/>
      <c r="J3" s="88"/>
      <c r="K3" s="88"/>
      <c r="L3" s="88"/>
      <c r="M3" s="89" t="s">
        <v>86</v>
      </c>
    </row>
    <row r="4" spans="2:15" ht="18" customHeight="1">
      <c r="B4" s="90"/>
      <c r="C4" s="202" t="s">
        <v>10</v>
      </c>
      <c r="D4" s="91"/>
      <c r="E4" s="204" t="s">
        <v>11</v>
      </c>
      <c r="F4" s="92" t="s">
        <v>6</v>
      </c>
      <c r="G4" s="93"/>
      <c r="H4" s="94" t="s">
        <v>7</v>
      </c>
      <c r="I4" s="95" t="s">
        <v>72</v>
      </c>
      <c r="J4" s="96"/>
      <c r="K4" s="96"/>
      <c r="L4" s="97" t="s">
        <v>0</v>
      </c>
      <c r="M4" s="98" t="s">
        <v>3</v>
      </c>
      <c r="N4" s="99"/>
    </row>
    <row r="5" spans="2:15" ht="18" customHeight="1" thickBot="1">
      <c r="B5" s="100"/>
      <c r="C5" s="203"/>
      <c r="D5" s="101"/>
      <c r="E5" s="205"/>
      <c r="F5" s="102" t="s">
        <v>12</v>
      </c>
      <c r="G5" s="102" t="s">
        <v>1</v>
      </c>
      <c r="H5" s="102" t="s">
        <v>2</v>
      </c>
      <c r="I5" s="102" t="s">
        <v>5</v>
      </c>
      <c r="J5" s="102" t="s">
        <v>13</v>
      </c>
      <c r="K5" s="102" t="s">
        <v>14</v>
      </c>
      <c r="L5" s="102" t="s">
        <v>4</v>
      </c>
      <c r="M5" s="103" t="s">
        <v>15</v>
      </c>
      <c r="N5" s="99"/>
    </row>
    <row r="6" spans="2:15" ht="18" customHeight="1">
      <c r="B6" s="104"/>
      <c r="C6" s="105"/>
      <c r="D6" s="105"/>
      <c r="E6" s="106" t="s">
        <v>8</v>
      </c>
      <c r="F6" s="107" t="s">
        <v>6</v>
      </c>
      <c r="G6" s="107" t="s">
        <v>6</v>
      </c>
      <c r="H6" s="107" t="s">
        <v>6</v>
      </c>
      <c r="I6" s="107" t="s">
        <v>6</v>
      </c>
      <c r="J6" s="107" t="s">
        <v>6</v>
      </c>
      <c r="K6" s="107" t="s">
        <v>6</v>
      </c>
      <c r="L6" s="107" t="s">
        <v>6</v>
      </c>
      <c r="M6" s="108" t="s">
        <v>6</v>
      </c>
      <c r="N6" s="99"/>
    </row>
    <row r="7" spans="2:15" ht="24" customHeight="1">
      <c r="B7" s="16"/>
      <c r="C7" s="23" t="s">
        <v>84</v>
      </c>
      <c r="D7" s="17"/>
      <c r="E7" s="18">
        <v>4069913</v>
      </c>
      <c r="F7" s="19">
        <v>9157211</v>
      </c>
      <c r="G7" s="20">
        <v>4567477</v>
      </c>
      <c r="H7" s="20">
        <v>4589734</v>
      </c>
      <c r="I7" s="20">
        <v>-3201</v>
      </c>
      <c r="J7" s="20">
        <v>-2235</v>
      </c>
      <c r="K7" s="20">
        <v>-966</v>
      </c>
      <c r="L7" s="21">
        <v>2.25</v>
      </c>
      <c r="M7" s="22">
        <v>3790</v>
      </c>
      <c r="N7" s="109"/>
    </row>
    <row r="8" spans="2:15" ht="24" customHeight="1">
      <c r="B8" s="110"/>
      <c r="C8" s="111" t="s">
        <v>85</v>
      </c>
      <c r="D8" s="112"/>
      <c r="E8" s="113">
        <v>3951849</v>
      </c>
      <c r="F8" s="114">
        <v>8866782</v>
      </c>
      <c r="G8" s="115">
        <v>4424535</v>
      </c>
      <c r="H8" s="115">
        <v>4442247</v>
      </c>
      <c r="I8" s="115">
        <v>-3045</v>
      </c>
      <c r="J8" s="115">
        <v>-2039</v>
      </c>
      <c r="K8" s="115">
        <v>-1006</v>
      </c>
      <c r="L8" s="116">
        <v>2.2400000000000002</v>
      </c>
      <c r="M8" s="117">
        <v>4899</v>
      </c>
      <c r="N8" s="109"/>
    </row>
    <row r="9" spans="2:15" ht="24" customHeight="1">
      <c r="B9" s="110"/>
      <c r="C9" s="111" t="s">
        <v>16</v>
      </c>
      <c r="D9" s="112"/>
      <c r="E9" s="113">
        <v>118064</v>
      </c>
      <c r="F9" s="114">
        <v>290429</v>
      </c>
      <c r="G9" s="115">
        <v>142942</v>
      </c>
      <c r="H9" s="115">
        <v>147487</v>
      </c>
      <c r="I9" s="115">
        <v>-156</v>
      </c>
      <c r="J9" s="115">
        <v>-196</v>
      </c>
      <c r="K9" s="115">
        <v>40</v>
      </c>
      <c r="L9" s="116">
        <v>2.46</v>
      </c>
      <c r="M9" s="117">
        <v>479</v>
      </c>
      <c r="N9" s="109"/>
    </row>
    <row r="10" spans="2:15" ht="24" customHeight="1">
      <c r="B10" s="110"/>
      <c r="C10" s="118"/>
      <c r="D10" s="118"/>
      <c r="E10" s="119"/>
      <c r="F10" s="120"/>
      <c r="G10" s="121"/>
      <c r="H10" s="121"/>
      <c r="I10" s="121"/>
      <c r="J10" s="121"/>
      <c r="K10" s="121"/>
      <c r="L10" s="122"/>
      <c r="M10" s="123"/>
      <c r="N10" s="109"/>
    </row>
    <row r="11" spans="2:15" ht="24" customHeight="1">
      <c r="B11" s="124"/>
      <c r="C11" s="24" t="s">
        <v>17</v>
      </c>
      <c r="D11" s="7"/>
      <c r="E11" s="8">
        <v>1673511</v>
      </c>
      <c r="F11" s="9">
        <v>3729729</v>
      </c>
      <c r="G11" s="10">
        <v>1854057</v>
      </c>
      <c r="H11" s="10">
        <v>1875672</v>
      </c>
      <c r="I11" s="10">
        <v>-1936</v>
      </c>
      <c r="J11" s="10">
        <v>-865</v>
      </c>
      <c r="K11" s="10">
        <v>-1071</v>
      </c>
      <c r="L11" s="11">
        <v>2.23</v>
      </c>
      <c r="M11" s="12">
        <v>8524</v>
      </c>
      <c r="N11" s="109"/>
    </row>
    <row r="12" spans="2:15" ht="24" customHeight="1">
      <c r="B12" s="110"/>
      <c r="C12" s="125" t="s">
        <v>18</v>
      </c>
      <c r="D12" s="112"/>
      <c r="E12" s="113">
        <v>136037</v>
      </c>
      <c r="F12" s="114">
        <v>288924</v>
      </c>
      <c r="G12" s="115">
        <v>149290</v>
      </c>
      <c r="H12" s="115">
        <v>139634</v>
      </c>
      <c r="I12" s="115">
        <v>88</v>
      </c>
      <c r="J12" s="115">
        <v>19</v>
      </c>
      <c r="K12" s="115">
        <v>69</v>
      </c>
      <c r="L12" s="116">
        <v>2.12</v>
      </c>
      <c r="M12" s="117">
        <v>8695</v>
      </c>
      <c r="N12" s="109"/>
    </row>
    <row r="13" spans="2:15" ht="24" customHeight="1">
      <c r="B13" s="110"/>
      <c r="C13" s="126" t="s">
        <v>89</v>
      </c>
      <c r="D13" s="112"/>
      <c r="E13" s="113">
        <v>122377</v>
      </c>
      <c r="F13" s="114">
        <v>241686</v>
      </c>
      <c r="G13" s="115">
        <v>122780</v>
      </c>
      <c r="H13" s="115">
        <v>118906</v>
      </c>
      <c r="I13" s="115">
        <v>-125</v>
      </c>
      <c r="J13" s="115">
        <v>-30</v>
      </c>
      <c r="K13" s="115">
        <v>-95</v>
      </c>
      <c r="L13" s="116">
        <v>1.97</v>
      </c>
      <c r="M13" s="117">
        <v>10185</v>
      </c>
      <c r="N13" s="109"/>
    </row>
    <row r="14" spans="2:15" ht="24" customHeight="1">
      <c r="B14" s="110"/>
      <c r="C14" s="125" t="s">
        <v>19</v>
      </c>
      <c r="D14" s="112"/>
      <c r="E14" s="113">
        <v>53250</v>
      </c>
      <c r="F14" s="114">
        <v>100406</v>
      </c>
      <c r="G14" s="115">
        <v>50823</v>
      </c>
      <c r="H14" s="115">
        <v>49583</v>
      </c>
      <c r="I14" s="115">
        <v>197</v>
      </c>
      <c r="J14" s="115">
        <v>-16</v>
      </c>
      <c r="K14" s="115">
        <v>213</v>
      </c>
      <c r="L14" s="116">
        <v>1.89</v>
      </c>
      <c r="M14" s="117">
        <v>14283</v>
      </c>
      <c r="N14" s="109"/>
      <c r="O14" s="4"/>
    </row>
    <row r="15" spans="2:15" ht="24" customHeight="1">
      <c r="B15" s="110"/>
      <c r="C15" s="125" t="s">
        <v>20</v>
      </c>
      <c r="D15" s="112"/>
      <c r="E15" s="113">
        <v>79852</v>
      </c>
      <c r="F15" s="114">
        <v>148973</v>
      </c>
      <c r="G15" s="115">
        <v>78233</v>
      </c>
      <c r="H15" s="115">
        <v>70740</v>
      </c>
      <c r="I15" s="115">
        <v>-35</v>
      </c>
      <c r="J15" s="115">
        <v>-81</v>
      </c>
      <c r="K15" s="115">
        <v>46</v>
      </c>
      <c r="L15" s="116">
        <v>1.87</v>
      </c>
      <c r="M15" s="117">
        <v>7001</v>
      </c>
      <c r="N15" s="109"/>
    </row>
    <row r="16" spans="2:15" ht="24" customHeight="1">
      <c r="B16" s="110"/>
      <c r="C16" s="125" t="s">
        <v>21</v>
      </c>
      <c r="D16" s="112"/>
      <c r="E16" s="113">
        <v>97400</v>
      </c>
      <c r="F16" s="114">
        <v>194678</v>
      </c>
      <c r="G16" s="115">
        <v>96849</v>
      </c>
      <c r="H16" s="115">
        <v>97829</v>
      </c>
      <c r="I16" s="115">
        <v>-198</v>
      </c>
      <c r="J16" s="115">
        <v>-100</v>
      </c>
      <c r="K16" s="115">
        <v>-98</v>
      </c>
      <c r="L16" s="116">
        <v>2</v>
      </c>
      <c r="M16" s="117">
        <v>15390</v>
      </c>
      <c r="N16" s="109"/>
    </row>
    <row r="17" spans="2:14" ht="24" customHeight="1">
      <c r="B17" s="110"/>
      <c r="C17" s="125" t="s">
        <v>22</v>
      </c>
      <c r="D17" s="112"/>
      <c r="E17" s="113">
        <v>92233</v>
      </c>
      <c r="F17" s="114">
        <v>213877</v>
      </c>
      <c r="G17" s="115">
        <v>104851</v>
      </c>
      <c r="H17" s="115">
        <v>109026</v>
      </c>
      <c r="I17" s="115">
        <v>1</v>
      </c>
      <c r="J17" s="115">
        <v>-113</v>
      </c>
      <c r="K17" s="115">
        <v>114</v>
      </c>
      <c r="L17" s="116">
        <v>2.3199999999999998</v>
      </c>
      <c r="M17" s="117">
        <v>10748</v>
      </c>
      <c r="N17" s="109"/>
    </row>
    <row r="18" spans="2:14" ht="24" customHeight="1">
      <c r="B18" s="110"/>
      <c r="C18" s="126" t="s">
        <v>76</v>
      </c>
      <c r="D18" s="127"/>
      <c r="E18" s="113">
        <v>94604</v>
      </c>
      <c r="F18" s="114">
        <v>206094</v>
      </c>
      <c r="G18" s="115">
        <v>102470</v>
      </c>
      <c r="H18" s="115">
        <v>103624</v>
      </c>
      <c r="I18" s="115">
        <v>-318</v>
      </c>
      <c r="J18" s="115">
        <v>-85</v>
      </c>
      <c r="K18" s="115">
        <v>-233</v>
      </c>
      <c r="L18" s="116">
        <v>2.1800000000000002</v>
      </c>
      <c r="M18" s="117">
        <v>9398</v>
      </c>
      <c r="N18" s="109"/>
    </row>
    <row r="19" spans="2:14" ht="24" customHeight="1">
      <c r="B19" s="110"/>
      <c r="C19" s="125" t="s">
        <v>23</v>
      </c>
      <c r="D19" s="112"/>
      <c r="E19" s="113">
        <v>104211</v>
      </c>
      <c r="F19" s="114">
        <v>245500</v>
      </c>
      <c r="G19" s="115">
        <v>118924</v>
      </c>
      <c r="H19" s="115">
        <v>126576</v>
      </c>
      <c r="I19" s="115">
        <v>-22</v>
      </c>
      <c r="J19" s="115">
        <v>-90</v>
      </c>
      <c r="K19" s="115">
        <v>68</v>
      </c>
      <c r="L19" s="116">
        <v>2.36</v>
      </c>
      <c r="M19" s="117">
        <v>7501</v>
      </c>
      <c r="N19" s="109"/>
    </row>
    <row r="20" spans="2:14" ht="24" customHeight="1">
      <c r="B20" s="110"/>
      <c r="C20" s="125" t="s">
        <v>24</v>
      </c>
      <c r="D20" s="112"/>
      <c r="E20" s="113">
        <v>75835</v>
      </c>
      <c r="F20" s="114">
        <v>166328</v>
      </c>
      <c r="G20" s="115">
        <v>81795</v>
      </c>
      <c r="H20" s="115">
        <v>84533</v>
      </c>
      <c r="I20" s="115">
        <v>-47</v>
      </c>
      <c r="J20" s="115">
        <v>-79</v>
      </c>
      <c r="K20" s="115">
        <v>32</v>
      </c>
      <c r="L20" s="116">
        <v>2.19</v>
      </c>
      <c r="M20" s="117">
        <v>8731</v>
      </c>
      <c r="N20" s="109"/>
    </row>
    <row r="21" spans="2:14" ht="24" customHeight="1">
      <c r="B21" s="110"/>
      <c r="C21" s="125" t="s">
        <v>25</v>
      </c>
      <c r="D21" s="112"/>
      <c r="E21" s="113">
        <v>87452</v>
      </c>
      <c r="F21" s="114">
        <v>199623</v>
      </c>
      <c r="G21" s="115">
        <v>97680</v>
      </c>
      <c r="H21" s="115">
        <v>101943</v>
      </c>
      <c r="I21" s="115">
        <v>-267</v>
      </c>
      <c r="J21" s="115">
        <v>-74</v>
      </c>
      <c r="K21" s="115">
        <v>-193</v>
      </c>
      <c r="L21" s="116">
        <v>2.2799999999999998</v>
      </c>
      <c r="M21" s="117">
        <v>6448</v>
      </c>
      <c r="N21" s="109"/>
    </row>
    <row r="22" spans="2:14" ht="24" customHeight="1">
      <c r="B22" s="110"/>
      <c r="C22" s="125" t="s">
        <v>26</v>
      </c>
      <c r="D22" s="112"/>
      <c r="E22" s="113">
        <v>166188</v>
      </c>
      <c r="F22" s="114">
        <v>348501</v>
      </c>
      <c r="G22" s="115">
        <v>176116</v>
      </c>
      <c r="H22" s="115">
        <v>172385</v>
      </c>
      <c r="I22" s="115">
        <v>-130</v>
      </c>
      <c r="J22" s="115">
        <v>32</v>
      </c>
      <c r="K22" s="115">
        <v>-162</v>
      </c>
      <c r="L22" s="116">
        <v>2.1</v>
      </c>
      <c r="M22" s="117">
        <v>11099</v>
      </c>
      <c r="N22" s="109"/>
    </row>
    <row r="23" spans="2:14" ht="24" customHeight="1">
      <c r="B23" s="110"/>
      <c r="C23" s="125" t="s">
        <v>27</v>
      </c>
      <c r="D23" s="112"/>
      <c r="E23" s="113">
        <v>76102</v>
      </c>
      <c r="F23" s="114">
        <v>181029</v>
      </c>
      <c r="G23" s="115">
        <v>89103</v>
      </c>
      <c r="H23" s="115">
        <v>91926</v>
      </c>
      <c r="I23" s="115">
        <v>-160</v>
      </c>
      <c r="J23" s="115">
        <v>-23</v>
      </c>
      <c r="K23" s="115">
        <v>-137</v>
      </c>
      <c r="L23" s="116">
        <v>2.38</v>
      </c>
      <c r="M23" s="117">
        <v>7096</v>
      </c>
      <c r="N23" s="109"/>
    </row>
    <row r="24" spans="2:14" ht="24" customHeight="1">
      <c r="B24" s="110"/>
      <c r="C24" s="125" t="s">
        <v>28</v>
      </c>
      <c r="D24" s="112"/>
      <c r="E24" s="113">
        <v>126919</v>
      </c>
      <c r="F24" s="114">
        <v>309412</v>
      </c>
      <c r="G24" s="115">
        <v>150539</v>
      </c>
      <c r="H24" s="115">
        <v>158873</v>
      </c>
      <c r="I24" s="115">
        <v>-233</v>
      </c>
      <c r="J24" s="115">
        <v>-23</v>
      </c>
      <c r="K24" s="115">
        <v>-210</v>
      </c>
      <c r="L24" s="116">
        <v>2.44</v>
      </c>
      <c r="M24" s="117">
        <v>8785</v>
      </c>
      <c r="N24" s="109"/>
    </row>
    <row r="25" spans="2:14" ht="24" customHeight="1">
      <c r="B25" s="110"/>
      <c r="C25" s="125" t="s">
        <v>29</v>
      </c>
      <c r="D25" s="112"/>
      <c r="E25" s="113">
        <v>81641</v>
      </c>
      <c r="F25" s="114">
        <v>211063</v>
      </c>
      <c r="G25" s="115">
        <v>105313</v>
      </c>
      <c r="H25" s="115">
        <v>105750</v>
      </c>
      <c r="I25" s="115">
        <v>-192</v>
      </c>
      <c r="J25" s="115">
        <v>9</v>
      </c>
      <c r="K25" s="115">
        <v>-201</v>
      </c>
      <c r="L25" s="116">
        <v>2.59</v>
      </c>
      <c r="M25" s="117">
        <v>7573</v>
      </c>
      <c r="N25" s="109"/>
    </row>
    <row r="26" spans="2:14" ht="24" customHeight="1">
      <c r="B26" s="110"/>
      <c r="C26" s="125" t="s">
        <v>30</v>
      </c>
      <c r="D26" s="112"/>
      <c r="E26" s="113">
        <v>115984</v>
      </c>
      <c r="F26" s="114">
        <v>276876</v>
      </c>
      <c r="G26" s="115">
        <v>135629</v>
      </c>
      <c r="H26" s="115">
        <v>141247</v>
      </c>
      <c r="I26" s="115">
        <v>-115</v>
      </c>
      <c r="J26" s="115">
        <v>-68</v>
      </c>
      <c r="K26" s="115">
        <v>-47</v>
      </c>
      <c r="L26" s="116">
        <v>2.39</v>
      </c>
      <c r="M26" s="117">
        <v>7736</v>
      </c>
      <c r="N26" s="109"/>
    </row>
    <row r="27" spans="2:14" ht="24" customHeight="1">
      <c r="B27" s="110"/>
      <c r="C27" s="125" t="s">
        <v>31</v>
      </c>
      <c r="D27" s="112"/>
      <c r="E27" s="113">
        <v>50988</v>
      </c>
      <c r="F27" s="114">
        <v>120610</v>
      </c>
      <c r="G27" s="115">
        <v>58843</v>
      </c>
      <c r="H27" s="115">
        <v>61767</v>
      </c>
      <c r="I27" s="115">
        <v>-127</v>
      </c>
      <c r="J27" s="115">
        <v>-46</v>
      </c>
      <c r="K27" s="115">
        <v>-81</v>
      </c>
      <c r="L27" s="116">
        <v>2.37</v>
      </c>
      <c r="M27" s="117">
        <v>6512</v>
      </c>
      <c r="N27" s="109"/>
    </row>
    <row r="28" spans="2:14" ht="24" customHeight="1">
      <c r="B28" s="110"/>
      <c r="C28" s="125" t="s">
        <v>32</v>
      </c>
      <c r="D28" s="112"/>
      <c r="E28" s="113">
        <v>61442</v>
      </c>
      <c r="F28" s="114">
        <v>152775</v>
      </c>
      <c r="G28" s="115">
        <v>74640</v>
      </c>
      <c r="H28" s="115">
        <v>78135</v>
      </c>
      <c r="I28" s="115">
        <v>-157</v>
      </c>
      <c r="J28" s="115">
        <v>-62</v>
      </c>
      <c r="K28" s="115">
        <v>-95</v>
      </c>
      <c r="L28" s="116">
        <v>2.4900000000000002</v>
      </c>
      <c r="M28" s="117">
        <v>6479</v>
      </c>
      <c r="N28" s="109"/>
    </row>
    <row r="29" spans="2:14" ht="24" customHeight="1">
      <c r="B29" s="110"/>
      <c r="C29" s="125" t="s">
        <v>33</v>
      </c>
      <c r="D29" s="112"/>
      <c r="E29" s="113">
        <v>50996</v>
      </c>
      <c r="F29" s="114">
        <v>123374</v>
      </c>
      <c r="G29" s="115">
        <v>60179</v>
      </c>
      <c r="H29" s="115">
        <v>63195</v>
      </c>
      <c r="I29" s="115">
        <v>-96</v>
      </c>
      <c r="J29" s="115">
        <v>-35</v>
      </c>
      <c r="K29" s="115">
        <v>-61</v>
      </c>
      <c r="L29" s="116">
        <v>2.42</v>
      </c>
      <c r="M29" s="117">
        <v>7185</v>
      </c>
      <c r="N29" s="109"/>
    </row>
    <row r="30" spans="2:14" ht="24" customHeight="1">
      <c r="B30" s="124"/>
      <c r="C30" s="24" t="s">
        <v>34</v>
      </c>
      <c r="D30" s="7"/>
      <c r="E30" s="8">
        <v>717088</v>
      </c>
      <c r="F30" s="9">
        <v>1505741</v>
      </c>
      <c r="G30" s="10">
        <v>762999</v>
      </c>
      <c r="H30" s="10">
        <v>742742</v>
      </c>
      <c r="I30" s="10">
        <v>157</v>
      </c>
      <c r="J30" s="10">
        <v>2</v>
      </c>
      <c r="K30" s="10">
        <v>155</v>
      </c>
      <c r="L30" s="11">
        <v>2.1</v>
      </c>
      <c r="M30" s="12">
        <v>10529</v>
      </c>
      <c r="N30" s="109"/>
    </row>
    <row r="31" spans="2:14" ht="24" customHeight="1">
      <c r="B31" s="110"/>
      <c r="C31" s="125" t="s">
        <v>35</v>
      </c>
      <c r="D31" s="112"/>
      <c r="E31" s="113">
        <v>116293</v>
      </c>
      <c r="F31" s="114">
        <v>229808</v>
      </c>
      <c r="G31" s="115">
        <v>123349</v>
      </c>
      <c r="H31" s="115">
        <v>106459</v>
      </c>
      <c r="I31" s="115">
        <v>-99</v>
      </c>
      <c r="J31" s="115">
        <v>-55</v>
      </c>
      <c r="K31" s="115">
        <v>-44</v>
      </c>
      <c r="L31" s="116">
        <v>1.98</v>
      </c>
      <c r="M31" s="117">
        <v>5814</v>
      </c>
      <c r="N31" s="109"/>
    </row>
    <row r="32" spans="2:14" ht="24" customHeight="1">
      <c r="B32" s="110"/>
      <c r="C32" s="125" t="s">
        <v>90</v>
      </c>
      <c r="D32" s="112"/>
      <c r="E32" s="113">
        <v>78576</v>
      </c>
      <c r="F32" s="114">
        <v>166185</v>
      </c>
      <c r="G32" s="115">
        <v>83886</v>
      </c>
      <c r="H32" s="115">
        <v>82299</v>
      </c>
      <c r="I32" s="115">
        <v>-37</v>
      </c>
      <c r="J32" s="115">
        <v>7</v>
      </c>
      <c r="K32" s="115">
        <v>-44</v>
      </c>
      <c r="L32" s="116">
        <v>2.11</v>
      </c>
      <c r="M32" s="117">
        <v>16602</v>
      </c>
      <c r="N32" s="109"/>
    </row>
    <row r="33" spans="2:14" ht="24" customHeight="1">
      <c r="B33" s="110"/>
      <c r="C33" s="125" t="s">
        <v>36</v>
      </c>
      <c r="D33" s="112"/>
      <c r="E33" s="113">
        <v>127951</v>
      </c>
      <c r="F33" s="114">
        <v>254727</v>
      </c>
      <c r="G33" s="115">
        <v>129963</v>
      </c>
      <c r="H33" s="115">
        <v>124764</v>
      </c>
      <c r="I33" s="115">
        <v>218</v>
      </c>
      <c r="J33" s="115">
        <v>35</v>
      </c>
      <c r="K33" s="115">
        <v>183</v>
      </c>
      <c r="L33" s="116">
        <v>1.99</v>
      </c>
      <c r="M33" s="117">
        <v>17281</v>
      </c>
      <c r="N33" s="109"/>
    </row>
    <row r="34" spans="2:14" ht="24" customHeight="1">
      <c r="B34" s="110"/>
      <c r="C34" s="125" t="s">
        <v>91</v>
      </c>
      <c r="D34" s="112"/>
      <c r="E34" s="113">
        <v>110445</v>
      </c>
      <c r="F34" s="114">
        <v>230961</v>
      </c>
      <c r="G34" s="115">
        <v>116123</v>
      </c>
      <c r="H34" s="115">
        <v>114838</v>
      </c>
      <c r="I34" s="115">
        <v>-16</v>
      </c>
      <c r="J34" s="115">
        <v>-6</v>
      </c>
      <c r="K34" s="115">
        <v>-10</v>
      </c>
      <c r="L34" s="116">
        <v>2.09</v>
      </c>
      <c r="M34" s="117">
        <v>14117</v>
      </c>
      <c r="N34" s="109"/>
    </row>
    <row r="35" spans="2:14" ht="24" customHeight="1">
      <c r="B35" s="110"/>
      <c r="C35" s="125" t="s">
        <v>37</v>
      </c>
      <c r="D35" s="112"/>
      <c r="E35" s="113">
        <v>98268</v>
      </c>
      <c r="F35" s="114">
        <v>230290</v>
      </c>
      <c r="G35" s="115">
        <v>112824</v>
      </c>
      <c r="H35" s="115">
        <v>117466</v>
      </c>
      <c r="I35" s="115">
        <v>169</v>
      </c>
      <c r="J35" s="115">
        <v>37</v>
      </c>
      <c r="K35" s="115">
        <v>132</v>
      </c>
      <c r="L35" s="116">
        <v>2.34</v>
      </c>
      <c r="M35" s="117">
        <v>12375</v>
      </c>
      <c r="N35" s="109"/>
    </row>
    <row r="36" spans="2:14" ht="24" customHeight="1">
      <c r="B36" s="110"/>
      <c r="C36" s="125" t="s">
        <v>38</v>
      </c>
      <c r="D36" s="112"/>
      <c r="E36" s="113">
        <v>109357</v>
      </c>
      <c r="F36" s="114">
        <v>216295</v>
      </c>
      <c r="G36" s="115">
        <v>110612</v>
      </c>
      <c r="H36" s="115">
        <v>105683</v>
      </c>
      <c r="I36" s="115">
        <v>-77</v>
      </c>
      <c r="J36" s="115">
        <v>9</v>
      </c>
      <c r="K36" s="115">
        <v>-86</v>
      </c>
      <c r="L36" s="116">
        <v>1.98</v>
      </c>
      <c r="M36" s="117">
        <v>10551</v>
      </c>
      <c r="N36" s="109"/>
    </row>
    <row r="37" spans="2:14" ht="24" customHeight="1">
      <c r="B37" s="110"/>
      <c r="C37" s="125" t="s">
        <v>39</v>
      </c>
      <c r="D37" s="112"/>
      <c r="E37" s="113">
        <v>76198</v>
      </c>
      <c r="F37" s="114">
        <v>177475</v>
      </c>
      <c r="G37" s="115">
        <v>86242</v>
      </c>
      <c r="H37" s="115">
        <v>91233</v>
      </c>
      <c r="I37" s="115">
        <v>-1</v>
      </c>
      <c r="J37" s="115">
        <v>-25</v>
      </c>
      <c r="K37" s="115">
        <v>24</v>
      </c>
      <c r="L37" s="116">
        <v>2.33</v>
      </c>
      <c r="M37" s="117">
        <v>7633</v>
      </c>
      <c r="N37" s="109"/>
    </row>
    <row r="38" spans="2:14" ht="24" customHeight="1">
      <c r="B38" s="124"/>
      <c r="C38" s="24" t="s">
        <v>47</v>
      </c>
      <c r="D38" s="13"/>
      <c r="E38" s="8">
        <v>319903</v>
      </c>
      <c r="F38" s="9">
        <v>722330</v>
      </c>
      <c r="G38" s="10">
        <v>361619</v>
      </c>
      <c r="H38" s="10">
        <v>360711</v>
      </c>
      <c r="I38" s="10">
        <v>-100</v>
      </c>
      <c r="J38" s="10">
        <v>-147</v>
      </c>
      <c r="K38" s="10">
        <v>47</v>
      </c>
      <c r="L38" s="11">
        <v>2.2599999999999998</v>
      </c>
      <c r="M38" s="12">
        <v>2196</v>
      </c>
      <c r="N38" s="109"/>
    </row>
    <row r="39" spans="2:14" ht="24" customHeight="1">
      <c r="B39" s="110"/>
      <c r="C39" s="125" t="s">
        <v>73</v>
      </c>
      <c r="D39" s="128"/>
      <c r="E39" s="113">
        <v>72724</v>
      </c>
      <c r="F39" s="114">
        <v>172083</v>
      </c>
      <c r="G39" s="115">
        <v>86743</v>
      </c>
      <c r="H39" s="115">
        <v>85340</v>
      </c>
      <c r="I39" s="115">
        <v>-190</v>
      </c>
      <c r="J39" s="115">
        <v>-37</v>
      </c>
      <c r="K39" s="115">
        <v>-153</v>
      </c>
      <c r="L39" s="116">
        <v>2.37</v>
      </c>
      <c r="M39" s="117">
        <v>678</v>
      </c>
      <c r="N39" s="109"/>
    </row>
    <row r="40" spans="2:14" ht="24" customHeight="1">
      <c r="B40" s="110"/>
      <c r="C40" s="125" t="s">
        <v>79</v>
      </c>
      <c r="D40" s="112"/>
      <c r="E40" s="113">
        <v>120049</v>
      </c>
      <c r="F40" s="114">
        <v>271696</v>
      </c>
      <c r="G40" s="115">
        <v>136597</v>
      </c>
      <c r="H40" s="115">
        <v>135099</v>
      </c>
      <c r="I40" s="115">
        <v>94</v>
      </c>
      <c r="J40" s="115">
        <v>-71</v>
      </c>
      <c r="K40" s="115">
        <v>165</v>
      </c>
      <c r="L40" s="116">
        <v>2.2599999999999998</v>
      </c>
      <c r="M40" s="117">
        <v>7369</v>
      </c>
      <c r="N40" s="109"/>
    </row>
    <row r="41" spans="2:14" ht="24" customHeight="1">
      <c r="B41" s="110"/>
      <c r="C41" s="125" t="s">
        <v>74</v>
      </c>
      <c r="D41" s="112"/>
      <c r="E41" s="113">
        <v>127130</v>
      </c>
      <c r="F41" s="114">
        <v>278551</v>
      </c>
      <c r="G41" s="115">
        <v>138279</v>
      </c>
      <c r="H41" s="115">
        <v>140272</v>
      </c>
      <c r="I41" s="115">
        <v>-4</v>
      </c>
      <c r="J41" s="115">
        <v>-39</v>
      </c>
      <c r="K41" s="115">
        <v>35</v>
      </c>
      <c r="L41" s="116">
        <v>2.19</v>
      </c>
      <c r="M41" s="117">
        <v>7309</v>
      </c>
      <c r="N41" s="109"/>
    </row>
    <row r="42" spans="2:14" ht="23.25" customHeight="1">
      <c r="B42" s="110"/>
      <c r="C42" s="125" t="s">
        <v>40</v>
      </c>
      <c r="D42" s="129"/>
      <c r="E42" s="113">
        <v>166715</v>
      </c>
      <c r="F42" s="114">
        <v>399461</v>
      </c>
      <c r="G42" s="115">
        <v>199238</v>
      </c>
      <c r="H42" s="115">
        <v>200223</v>
      </c>
      <c r="I42" s="115">
        <v>-384</v>
      </c>
      <c r="J42" s="115">
        <v>-235</v>
      </c>
      <c r="K42" s="115">
        <v>-149</v>
      </c>
      <c r="L42" s="116">
        <v>2.4</v>
      </c>
      <c r="M42" s="117">
        <v>3962</v>
      </c>
      <c r="N42" s="99"/>
    </row>
    <row r="43" spans="2:14" ht="23.25" customHeight="1">
      <c r="B43" s="110"/>
      <c r="C43" s="125" t="s">
        <v>41</v>
      </c>
      <c r="D43" s="129"/>
      <c r="E43" s="113">
        <v>110064</v>
      </c>
      <c r="F43" s="114">
        <v>258033</v>
      </c>
      <c r="G43" s="115">
        <v>129330</v>
      </c>
      <c r="H43" s="115">
        <v>128703</v>
      </c>
      <c r="I43" s="115">
        <v>-156</v>
      </c>
      <c r="J43" s="115">
        <v>-137</v>
      </c>
      <c r="K43" s="115">
        <v>-19</v>
      </c>
      <c r="L43" s="116">
        <v>2.34</v>
      </c>
      <c r="M43" s="117">
        <v>3805</v>
      </c>
    </row>
    <row r="44" spans="2:14" ht="23.25" customHeight="1">
      <c r="B44" s="110"/>
      <c r="C44" s="125" t="s">
        <v>42</v>
      </c>
      <c r="D44" s="129"/>
      <c r="E44" s="113">
        <v>73646</v>
      </c>
      <c r="F44" s="114">
        <v>171977</v>
      </c>
      <c r="G44" s="115">
        <v>81055</v>
      </c>
      <c r="H44" s="115">
        <v>90922</v>
      </c>
      <c r="I44" s="115">
        <v>-95</v>
      </c>
      <c r="J44" s="115">
        <v>-80</v>
      </c>
      <c r="K44" s="115">
        <v>-15</v>
      </c>
      <c r="L44" s="116">
        <v>2.34</v>
      </c>
      <c r="M44" s="117">
        <v>4335</v>
      </c>
    </row>
    <row r="45" spans="2:14" ht="23.25" customHeight="1">
      <c r="B45" s="110"/>
      <c r="C45" s="125" t="s">
        <v>43</v>
      </c>
      <c r="D45" s="129"/>
      <c r="E45" s="113">
        <v>185517</v>
      </c>
      <c r="F45" s="114">
        <v>429047</v>
      </c>
      <c r="G45" s="115">
        <v>212143</v>
      </c>
      <c r="H45" s="115">
        <v>216904</v>
      </c>
      <c r="I45" s="115">
        <v>-158</v>
      </c>
      <c r="J45" s="115">
        <v>-68</v>
      </c>
      <c r="K45" s="115">
        <v>-90</v>
      </c>
      <c r="L45" s="116">
        <v>2.31</v>
      </c>
      <c r="M45" s="117">
        <v>6167</v>
      </c>
    </row>
    <row r="46" spans="2:14" ht="23.25" customHeight="1">
      <c r="B46" s="104"/>
      <c r="C46" s="125" t="s">
        <v>44</v>
      </c>
      <c r="D46" s="129"/>
      <c r="E46" s="113">
        <v>80561</v>
      </c>
      <c r="F46" s="114">
        <v>191681</v>
      </c>
      <c r="G46" s="115">
        <v>93370</v>
      </c>
      <c r="H46" s="115">
        <v>98311</v>
      </c>
      <c r="I46" s="115">
        <v>-277</v>
      </c>
      <c r="J46" s="115">
        <v>-133</v>
      </c>
      <c r="K46" s="115">
        <v>-144</v>
      </c>
      <c r="L46" s="116">
        <v>2.38</v>
      </c>
      <c r="M46" s="117">
        <v>1684</v>
      </c>
    </row>
    <row r="47" spans="2:14" ht="23.25" customHeight="1">
      <c r="B47" s="104"/>
      <c r="C47" s="125" t="s">
        <v>45</v>
      </c>
      <c r="D47" s="130"/>
      <c r="E47" s="113">
        <v>100866</v>
      </c>
      <c r="F47" s="114">
        <v>241485</v>
      </c>
      <c r="G47" s="115">
        <v>117680</v>
      </c>
      <c r="H47" s="115">
        <v>123805</v>
      </c>
      <c r="I47" s="115">
        <v>551</v>
      </c>
      <c r="J47" s="115">
        <v>-60</v>
      </c>
      <c r="K47" s="115">
        <v>611</v>
      </c>
      <c r="L47" s="116">
        <v>2.39</v>
      </c>
      <c r="M47" s="117">
        <v>6764</v>
      </c>
    </row>
    <row r="48" spans="2:14" ht="23.25" customHeight="1">
      <c r="B48" s="104"/>
      <c r="C48" s="125" t="s">
        <v>46</v>
      </c>
      <c r="D48" s="130"/>
      <c r="E48" s="113">
        <v>24518</v>
      </c>
      <c r="F48" s="114">
        <v>57261</v>
      </c>
      <c r="G48" s="115">
        <v>26762</v>
      </c>
      <c r="H48" s="115">
        <v>30499</v>
      </c>
      <c r="I48" s="115">
        <v>-53</v>
      </c>
      <c r="J48" s="115">
        <v>-39</v>
      </c>
      <c r="K48" s="115">
        <v>-14</v>
      </c>
      <c r="L48" s="116">
        <v>2.34</v>
      </c>
      <c r="M48" s="117">
        <v>3314</v>
      </c>
    </row>
    <row r="49" spans="2:13" ht="23.25" customHeight="1">
      <c r="B49" s="104"/>
      <c r="C49" s="125" t="s">
        <v>48</v>
      </c>
      <c r="D49" s="130"/>
      <c r="E49" s="113">
        <v>17454</v>
      </c>
      <c r="F49" s="114">
        <v>43561</v>
      </c>
      <c r="G49" s="115">
        <v>20918</v>
      </c>
      <c r="H49" s="115">
        <v>22643</v>
      </c>
      <c r="I49" s="115">
        <v>-82</v>
      </c>
      <c r="J49" s="115">
        <v>-55</v>
      </c>
      <c r="K49" s="115">
        <v>-27</v>
      </c>
      <c r="L49" s="116">
        <v>2.5</v>
      </c>
      <c r="M49" s="117">
        <v>1359</v>
      </c>
    </row>
    <row r="50" spans="2:13" ht="23.25" customHeight="1">
      <c r="B50" s="104"/>
      <c r="C50" s="125" t="s">
        <v>49</v>
      </c>
      <c r="D50" s="130"/>
      <c r="E50" s="113">
        <v>70830</v>
      </c>
      <c r="F50" s="114">
        <v>165726</v>
      </c>
      <c r="G50" s="115">
        <v>84794</v>
      </c>
      <c r="H50" s="115">
        <v>80932</v>
      </c>
      <c r="I50" s="115">
        <v>-216</v>
      </c>
      <c r="J50" s="115">
        <v>-66</v>
      </c>
      <c r="K50" s="115">
        <v>-150</v>
      </c>
      <c r="L50" s="116">
        <v>2.34</v>
      </c>
      <c r="M50" s="117">
        <v>1597</v>
      </c>
    </row>
    <row r="51" spans="2:13" ht="23.25" customHeight="1">
      <c r="B51" s="104"/>
      <c r="C51" s="125" t="s">
        <v>50</v>
      </c>
      <c r="D51" s="130"/>
      <c r="E51" s="113">
        <v>98287</v>
      </c>
      <c r="F51" s="114">
        <v>225489</v>
      </c>
      <c r="G51" s="115">
        <v>116522</v>
      </c>
      <c r="H51" s="115">
        <v>108967</v>
      </c>
      <c r="I51" s="115">
        <v>-264</v>
      </c>
      <c r="J51" s="115">
        <v>-70</v>
      </c>
      <c r="K51" s="115">
        <v>-194</v>
      </c>
      <c r="L51" s="116">
        <v>2.29</v>
      </c>
      <c r="M51" s="117">
        <v>2403</v>
      </c>
    </row>
    <row r="52" spans="2:13" ht="23.25" customHeight="1">
      <c r="B52" s="104"/>
      <c r="C52" s="125" t="s">
        <v>51</v>
      </c>
      <c r="D52" s="130"/>
      <c r="E52" s="113">
        <v>105132</v>
      </c>
      <c r="F52" s="114">
        <v>235396</v>
      </c>
      <c r="G52" s="115">
        <v>117653</v>
      </c>
      <c r="H52" s="115">
        <v>117743</v>
      </c>
      <c r="I52" s="115">
        <v>32</v>
      </c>
      <c r="J52" s="115">
        <v>-21</v>
      </c>
      <c r="K52" s="115">
        <v>53</v>
      </c>
      <c r="L52" s="116">
        <v>2.2400000000000002</v>
      </c>
      <c r="M52" s="117">
        <v>8689</v>
      </c>
    </row>
    <row r="53" spans="2:13" ht="23.25" customHeight="1">
      <c r="B53" s="104"/>
      <c r="C53" s="125" t="s">
        <v>52</v>
      </c>
      <c r="D53" s="130"/>
      <c r="E53" s="113">
        <v>44391</v>
      </c>
      <c r="F53" s="114">
        <v>102204</v>
      </c>
      <c r="G53" s="115">
        <v>51733</v>
      </c>
      <c r="H53" s="115">
        <v>50471</v>
      </c>
      <c r="I53" s="115">
        <v>6</v>
      </c>
      <c r="J53" s="115">
        <v>-8</v>
      </c>
      <c r="K53" s="115">
        <v>14</v>
      </c>
      <c r="L53" s="116">
        <v>2.2999999999999998</v>
      </c>
      <c r="M53" s="117">
        <v>1840</v>
      </c>
    </row>
    <row r="54" spans="2:13" ht="23.25" customHeight="1">
      <c r="B54" s="104"/>
      <c r="C54" s="125" t="s">
        <v>53</v>
      </c>
      <c r="D54" s="130"/>
      <c r="E54" s="113">
        <v>55229</v>
      </c>
      <c r="F54" s="114">
        <v>131458</v>
      </c>
      <c r="G54" s="115">
        <v>66188</v>
      </c>
      <c r="H54" s="115">
        <v>65270</v>
      </c>
      <c r="I54" s="115">
        <v>30</v>
      </c>
      <c r="J54" s="115">
        <v>-7</v>
      </c>
      <c r="K54" s="115">
        <v>37</v>
      </c>
      <c r="L54" s="116">
        <v>2.38</v>
      </c>
      <c r="M54" s="117">
        <v>4944</v>
      </c>
    </row>
    <row r="55" spans="2:13" ht="23.25" customHeight="1">
      <c r="B55" s="104"/>
      <c r="C55" s="125" t="s">
        <v>54</v>
      </c>
      <c r="D55" s="130"/>
      <c r="E55" s="113">
        <v>57505</v>
      </c>
      <c r="F55" s="114">
        <v>129411</v>
      </c>
      <c r="G55" s="115">
        <v>64643</v>
      </c>
      <c r="H55" s="115">
        <v>64768</v>
      </c>
      <c r="I55" s="115">
        <v>-24</v>
      </c>
      <c r="J55" s="115">
        <v>-7</v>
      </c>
      <c r="K55" s="115">
        <v>-17</v>
      </c>
      <c r="L55" s="116">
        <v>2.25</v>
      </c>
      <c r="M55" s="117">
        <v>7365</v>
      </c>
    </row>
    <row r="56" spans="2:13" ht="23.25" customHeight="1">
      <c r="B56" s="104"/>
      <c r="C56" s="125" t="s">
        <v>55</v>
      </c>
      <c r="D56" s="130"/>
      <c r="E56" s="113">
        <v>16436</v>
      </c>
      <c r="F56" s="114">
        <v>42523</v>
      </c>
      <c r="G56" s="115">
        <v>20944</v>
      </c>
      <c r="H56" s="115">
        <v>21579</v>
      </c>
      <c r="I56" s="115">
        <v>-62</v>
      </c>
      <c r="J56" s="115">
        <v>-26</v>
      </c>
      <c r="K56" s="115">
        <v>-36</v>
      </c>
      <c r="L56" s="116">
        <v>2.59</v>
      </c>
      <c r="M56" s="117">
        <v>551</v>
      </c>
    </row>
    <row r="57" spans="2:13" ht="23.25" customHeight="1">
      <c r="B57" s="104"/>
      <c r="C57" s="125" t="s">
        <v>56</v>
      </c>
      <c r="D57" s="130"/>
      <c r="E57" s="113">
        <v>34196</v>
      </c>
      <c r="F57" s="114">
        <v>84269</v>
      </c>
      <c r="G57" s="115">
        <v>42887</v>
      </c>
      <c r="H57" s="115">
        <v>41382</v>
      </c>
      <c r="I57" s="115">
        <v>-14</v>
      </c>
      <c r="J57" s="115">
        <v>-17</v>
      </c>
      <c r="K57" s="115">
        <v>3</v>
      </c>
      <c r="L57" s="116">
        <v>2.46</v>
      </c>
      <c r="M57" s="117">
        <v>3806</v>
      </c>
    </row>
    <row r="58" spans="2:13" ht="23.25" customHeight="1">
      <c r="B58" s="104"/>
      <c r="C58" s="126" t="s">
        <v>92</v>
      </c>
      <c r="D58" s="130"/>
      <c r="E58" s="113">
        <v>12625</v>
      </c>
      <c r="F58" s="114">
        <v>31878</v>
      </c>
      <c r="G58" s="115">
        <v>15072</v>
      </c>
      <c r="H58" s="115">
        <v>16806</v>
      </c>
      <c r="I58" s="115">
        <v>-34</v>
      </c>
      <c r="J58" s="115">
        <v>-28</v>
      </c>
      <c r="K58" s="115">
        <v>-6</v>
      </c>
      <c r="L58" s="116">
        <v>2.52</v>
      </c>
      <c r="M58" s="117">
        <v>1871</v>
      </c>
    </row>
    <row r="59" spans="2:13" ht="23.25" customHeight="1">
      <c r="B59" s="104"/>
      <c r="C59" s="126" t="s">
        <v>93</v>
      </c>
      <c r="D59" s="130"/>
      <c r="E59" s="113">
        <v>19288</v>
      </c>
      <c r="F59" s="114">
        <v>48148</v>
      </c>
      <c r="G59" s="115">
        <v>24395</v>
      </c>
      <c r="H59" s="115">
        <v>23753</v>
      </c>
      <c r="I59" s="115">
        <v>-21</v>
      </c>
      <c r="J59" s="115">
        <v>-18</v>
      </c>
      <c r="K59" s="115">
        <v>-3</v>
      </c>
      <c r="L59" s="116">
        <v>2.5</v>
      </c>
      <c r="M59" s="117">
        <v>3609</v>
      </c>
    </row>
    <row r="60" spans="2:13" ht="23.25" customHeight="1">
      <c r="B60" s="131"/>
      <c r="C60" s="24" t="s">
        <v>57</v>
      </c>
      <c r="D60" s="15"/>
      <c r="E60" s="8">
        <v>23896</v>
      </c>
      <c r="F60" s="9">
        <v>59467</v>
      </c>
      <c r="G60" s="10">
        <v>28856</v>
      </c>
      <c r="H60" s="10">
        <v>30611</v>
      </c>
      <c r="I60" s="10">
        <v>-25</v>
      </c>
      <c r="J60" s="10">
        <v>-39</v>
      </c>
      <c r="K60" s="10">
        <v>14</v>
      </c>
      <c r="L60" s="11">
        <v>2.4900000000000002</v>
      </c>
      <c r="M60" s="12">
        <v>2265</v>
      </c>
    </row>
    <row r="61" spans="2:13" ht="23.25" customHeight="1">
      <c r="B61" s="104"/>
      <c r="C61" s="125" t="s">
        <v>58</v>
      </c>
      <c r="D61" s="130"/>
      <c r="E61" s="113">
        <v>12564</v>
      </c>
      <c r="F61" s="114">
        <v>31513</v>
      </c>
      <c r="G61" s="115">
        <v>15390</v>
      </c>
      <c r="H61" s="115">
        <v>16123</v>
      </c>
      <c r="I61" s="115">
        <v>-1</v>
      </c>
      <c r="J61" s="115">
        <v>-19</v>
      </c>
      <c r="K61" s="115">
        <v>18</v>
      </c>
      <c r="L61" s="116">
        <v>2.5099999999999998</v>
      </c>
      <c r="M61" s="117">
        <v>1834</v>
      </c>
    </row>
    <row r="62" spans="2:13" ht="23.25" customHeight="1">
      <c r="B62" s="104"/>
      <c r="C62" s="125" t="s">
        <v>59</v>
      </c>
      <c r="D62" s="130"/>
      <c r="E62" s="113">
        <v>11332</v>
      </c>
      <c r="F62" s="114">
        <v>27954</v>
      </c>
      <c r="G62" s="115">
        <v>13466</v>
      </c>
      <c r="H62" s="115">
        <v>14488</v>
      </c>
      <c r="I62" s="115">
        <v>-24</v>
      </c>
      <c r="J62" s="115">
        <v>-20</v>
      </c>
      <c r="K62" s="115">
        <v>-4</v>
      </c>
      <c r="L62" s="116">
        <v>2.4700000000000002</v>
      </c>
      <c r="M62" s="117">
        <v>3079</v>
      </c>
    </row>
    <row r="63" spans="2:13" ht="23.25" customHeight="1">
      <c r="B63" s="131"/>
      <c r="C63" s="24" t="s">
        <v>60</v>
      </c>
      <c r="D63" s="15"/>
      <c r="E63" s="8">
        <v>24613</v>
      </c>
      <c r="F63" s="9">
        <v>65081</v>
      </c>
      <c r="G63" s="10">
        <v>32143</v>
      </c>
      <c r="H63" s="10">
        <v>32938</v>
      </c>
      <c r="I63" s="10">
        <v>-8</v>
      </c>
      <c r="J63" s="10">
        <v>-33</v>
      </c>
      <c r="K63" s="10">
        <v>25</v>
      </c>
      <c r="L63" s="11">
        <v>2.64</v>
      </c>
      <c r="M63" s="12">
        <v>215</v>
      </c>
    </row>
    <row r="64" spans="2:13" ht="23.25" customHeight="1">
      <c r="B64" s="104"/>
      <c r="C64" s="125" t="s">
        <v>61</v>
      </c>
      <c r="D64" s="130"/>
      <c r="E64" s="113">
        <v>3425</v>
      </c>
      <c r="F64" s="114">
        <v>9504</v>
      </c>
      <c r="G64" s="115">
        <v>4773</v>
      </c>
      <c r="H64" s="115">
        <v>4731</v>
      </c>
      <c r="I64" s="115">
        <v>5</v>
      </c>
      <c r="J64" s="115">
        <v>-4</v>
      </c>
      <c r="K64" s="115">
        <v>9</v>
      </c>
      <c r="L64" s="116">
        <v>2.77</v>
      </c>
      <c r="M64" s="117">
        <v>475</v>
      </c>
    </row>
    <row r="65" spans="2:13" ht="23.25" customHeight="1">
      <c r="B65" s="104"/>
      <c r="C65" s="125" t="s">
        <v>62</v>
      </c>
      <c r="D65" s="130"/>
      <c r="E65" s="113">
        <v>6352</v>
      </c>
      <c r="F65" s="114">
        <v>16976</v>
      </c>
      <c r="G65" s="115">
        <v>8455</v>
      </c>
      <c r="H65" s="115">
        <v>8521</v>
      </c>
      <c r="I65" s="115">
        <v>8</v>
      </c>
      <c r="J65" s="115">
        <v>-4</v>
      </c>
      <c r="K65" s="115">
        <v>12</v>
      </c>
      <c r="L65" s="116">
        <v>2.67</v>
      </c>
      <c r="M65" s="117">
        <v>1181</v>
      </c>
    </row>
    <row r="66" spans="2:13" ht="23.25" customHeight="1">
      <c r="B66" s="104"/>
      <c r="C66" s="125" t="s">
        <v>63</v>
      </c>
      <c r="D66" s="130"/>
      <c r="E66" s="113">
        <v>4460</v>
      </c>
      <c r="F66" s="114">
        <v>10957</v>
      </c>
      <c r="G66" s="115">
        <v>5411</v>
      </c>
      <c r="H66" s="115">
        <v>5546</v>
      </c>
      <c r="I66" s="115">
        <v>-9</v>
      </c>
      <c r="J66" s="115">
        <v>-17</v>
      </c>
      <c r="K66" s="115">
        <v>8</v>
      </c>
      <c r="L66" s="116">
        <v>2.46</v>
      </c>
      <c r="M66" s="117">
        <v>290</v>
      </c>
    </row>
    <row r="67" spans="2:13" ht="23.25" customHeight="1">
      <c r="B67" s="104"/>
      <c r="C67" s="125" t="s">
        <v>64</v>
      </c>
      <c r="D67" s="130"/>
      <c r="E67" s="113">
        <v>3841</v>
      </c>
      <c r="F67" s="114">
        <v>10068</v>
      </c>
      <c r="G67" s="115">
        <v>4941</v>
      </c>
      <c r="H67" s="115">
        <v>5127</v>
      </c>
      <c r="I67" s="115">
        <v>-23</v>
      </c>
      <c r="J67" s="115">
        <v>-9</v>
      </c>
      <c r="K67" s="115">
        <v>-14</v>
      </c>
      <c r="L67" s="116">
        <v>2.62</v>
      </c>
      <c r="M67" s="117">
        <v>45</v>
      </c>
    </row>
    <row r="68" spans="2:13" ht="23.25" customHeight="1">
      <c r="B68" s="104"/>
      <c r="C68" s="125" t="s">
        <v>65</v>
      </c>
      <c r="D68" s="130"/>
      <c r="E68" s="113">
        <v>6535</v>
      </c>
      <c r="F68" s="114">
        <v>17576</v>
      </c>
      <c r="G68" s="115">
        <v>8563</v>
      </c>
      <c r="H68" s="115">
        <v>9013</v>
      </c>
      <c r="I68" s="115">
        <v>11</v>
      </c>
      <c r="J68" s="115">
        <v>1</v>
      </c>
      <c r="K68" s="115">
        <v>10</v>
      </c>
      <c r="L68" s="116">
        <v>2.69</v>
      </c>
      <c r="M68" s="117">
        <v>2683</v>
      </c>
    </row>
    <row r="69" spans="2:13" ht="23.25" customHeight="1">
      <c r="B69" s="131"/>
      <c r="C69" s="24" t="s">
        <v>66</v>
      </c>
      <c r="D69" s="15"/>
      <c r="E69" s="8">
        <v>20051</v>
      </c>
      <c r="F69" s="9">
        <v>42804</v>
      </c>
      <c r="G69" s="10">
        <v>20074</v>
      </c>
      <c r="H69" s="10">
        <v>22730</v>
      </c>
      <c r="I69" s="10">
        <v>-57</v>
      </c>
      <c r="J69" s="10">
        <v>-55</v>
      </c>
      <c r="K69" s="10">
        <v>-2</v>
      </c>
      <c r="L69" s="11">
        <v>2.13</v>
      </c>
      <c r="M69" s="12">
        <v>304</v>
      </c>
    </row>
    <row r="70" spans="2:13" ht="23.25" customHeight="1">
      <c r="B70" s="104"/>
      <c r="C70" s="125" t="s">
        <v>67</v>
      </c>
      <c r="D70" s="130"/>
      <c r="E70" s="113">
        <v>6195</v>
      </c>
      <c r="F70" s="114">
        <v>11478</v>
      </c>
      <c r="G70" s="115">
        <v>5496</v>
      </c>
      <c r="H70" s="115">
        <v>5982</v>
      </c>
      <c r="I70" s="115">
        <v>-23</v>
      </c>
      <c r="J70" s="115">
        <v>-18</v>
      </c>
      <c r="K70" s="115">
        <v>-5</v>
      </c>
      <c r="L70" s="116">
        <v>1.85</v>
      </c>
      <c r="M70" s="117">
        <v>124</v>
      </c>
    </row>
    <row r="71" spans="2:13" ht="23.25" customHeight="1">
      <c r="B71" s="104"/>
      <c r="C71" s="125" t="s">
        <v>68</v>
      </c>
      <c r="D71" s="130"/>
      <c r="E71" s="113">
        <v>3051</v>
      </c>
      <c r="F71" s="114">
        <v>7005</v>
      </c>
      <c r="G71" s="115">
        <v>3279</v>
      </c>
      <c r="H71" s="115">
        <v>3726</v>
      </c>
      <c r="I71" s="115">
        <v>-13</v>
      </c>
      <c r="J71" s="115">
        <v>-10</v>
      </c>
      <c r="K71" s="115">
        <v>-3</v>
      </c>
      <c r="L71" s="116">
        <v>2.2999999999999998</v>
      </c>
      <c r="M71" s="117">
        <v>994</v>
      </c>
    </row>
    <row r="72" spans="2:13" ht="23.25" customHeight="1">
      <c r="B72" s="104"/>
      <c r="C72" s="125" t="s">
        <v>83</v>
      </c>
      <c r="D72" s="130"/>
      <c r="E72" s="113">
        <v>10805</v>
      </c>
      <c r="F72" s="114">
        <v>24321</v>
      </c>
      <c r="G72" s="115">
        <v>11299</v>
      </c>
      <c r="H72" s="115">
        <v>13022</v>
      </c>
      <c r="I72" s="115">
        <v>-21</v>
      </c>
      <c r="J72" s="115">
        <v>-27</v>
      </c>
      <c r="K72" s="115">
        <v>6</v>
      </c>
      <c r="L72" s="116">
        <v>2.25</v>
      </c>
      <c r="M72" s="117">
        <v>594</v>
      </c>
    </row>
    <row r="73" spans="2:13" ht="23.25" customHeight="1">
      <c r="B73" s="131"/>
      <c r="C73" s="24" t="s">
        <v>69</v>
      </c>
      <c r="D73" s="15"/>
      <c r="E73" s="8">
        <v>17591</v>
      </c>
      <c r="F73" s="9">
        <v>43051</v>
      </c>
      <c r="G73" s="10">
        <v>22402</v>
      </c>
      <c r="H73" s="10">
        <v>20649</v>
      </c>
      <c r="I73" s="10">
        <v>-11</v>
      </c>
      <c r="J73" s="10">
        <v>-23</v>
      </c>
      <c r="K73" s="10">
        <v>12</v>
      </c>
      <c r="L73" s="11">
        <v>2.4500000000000002</v>
      </c>
      <c r="M73" s="12">
        <v>408</v>
      </c>
    </row>
    <row r="74" spans="2:13" ht="23.25" customHeight="1">
      <c r="B74" s="104"/>
      <c r="C74" s="125" t="s">
        <v>70</v>
      </c>
      <c r="D74" s="130"/>
      <c r="E74" s="113">
        <v>16453</v>
      </c>
      <c r="F74" s="114">
        <v>39926</v>
      </c>
      <c r="G74" s="115">
        <v>20801</v>
      </c>
      <c r="H74" s="115">
        <v>19125</v>
      </c>
      <c r="I74" s="115">
        <v>-7</v>
      </c>
      <c r="J74" s="115">
        <v>-19</v>
      </c>
      <c r="K74" s="115">
        <v>12</v>
      </c>
      <c r="L74" s="116">
        <v>2.4300000000000002</v>
      </c>
      <c r="M74" s="117">
        <v>1165</v>
      </c>
    </row>
    <row r="75" spans="2:13" ht="23.25" customHeight="1">
      <c r="B75" s="104"/>
      <c r="C75" s="125" t="s">
        <v>71</v>
      </c>
      <c r="D75" s="130"/>
      <c r="E75" s="113">
        <v>1138</v>
      </c>
      <c r="F75" s="114">
        <v>3125</v>
      </c>
      <c r="G75" s="115">
        <v>1601</v>
      </c>
      <c r="H75" s="115">
        <v>1524</v>
      </c>
      <c r="I75" s="115">
        <v>-4</v>
      </c>
      <c r="J75" s="115">
        <v>-4</v>
      </c>
      <c r="K75" s="115">
        <v>0</v>
      </c>
      <c r="L75" s="116">
        <v>2.75</v>
      </c>
      <c r="M75" s="117">
        <v>44</v>
      </c>
    </row>
    <row r="76" spans="2:13" ht="14.25" thickBot="1">
      <c r="B76" s="132"/>
      <c r="C76" s="133"/>
      <c r="D76" s="133"/>
      <c r="E76" s="134"/>
      <c r="F76" s="135"/>
      <c r="G76" s="135"/>
      <c r="H76" s="135"/>
      <c r="I76" s="135"/>
      <c r="J76" s="135"/>
      <c r="K76" s="135"/>
      <c r="L76" s="135"/>
      <c r="M76" s="136"/>
    </row>
    <row r="77" spans="2:13">
      <c r="M77" s="137" t="s">
        <v>94</v>
      </c>
    </row>
  </sheetData>
  <mergeCells count="2">
    <mergeCell ref="C4:C5"/>
    <mergeCell ref="E4:E5"/>
  </mergeCells>
  <phoneticPr fontId="7"/>
  <printOptions horizontalCentered="1" gridLinesSet="0"/>
  <pageMargins left="0.23622047244094491" right="0.23622047244094491" top="0.74803149606299213" bottom="0.74803149606299213" header="0.31496062992125984" footer="0.31496062992125984"/>
  <pageSetup paperSize="9" scale="78" orientation="portrait" r:id="rId1"/>
  <headerFooter alignWithMargins="0"/>
  <rowBreaks count="1" manualBreakCount="1">
    <brk id="41" min="1" max="12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A1" transitionEvaluation="1"/>
  <dimension ref="B1:O77"/>
  <sheetViews>
    <sheetView showGridLines="0" view="pageBreakPreview" zoomScale="75" zoomScaleNormal="100" zoomScaleSheetLayoutView="75" workbookViewId="0"/>
  </sheetViews>
  <sheetFormatPr defaultColWidth="12.125" defaultRowHeight="13.5"/>
  <cols>
    <col min="1" max="1" width="12.125" style="80" customWidth="1"/>
    <col min="2" max="2" width="1.625" style="80" customWidth="1"/>
    <col min="3" max="3" width="12.375" style="5" customWidth="1"/>
    <col min="4" max="4" width="1.625" style="5" customWidth="1"/>
    <col min="5" max="8" width="12.625" style="5" customWidth="1"/>
    <col min="9" max="13" width="10.625" style="5" customWidth="1"/>
    <col min="14" max="14" width="19" style="80" customWidth="1"/>
    <col min="15" max="15" width="16.75" style="80" customWidth="1"/>
    <col min="16" max="19" width="14.375" style="80" customWidth="1"/>
    <col min="20" max="16384" width="12.125" style="80"/>
  </cols>
  <sheetData>
    <row r="1" spans="2:15" ht="24">
      <c r="C1" s="81" t="s">
        <v>9</v>
      </c>
      <c r="D1" s="82"/>
      <c r="E1" s="83"/>
      <c r="F1" s="84"/>
      <c r="G1" s="84"/>
      <c r="H1" s="84"/>
      <c r="I1" s="84"/>
      <c r="J1" s="84"/>
      <c r="K1" s="84"/>
      <c r="L1" s="84"/>
      <c r="M1" s="85"/>
    </row>
    <row r="3" spans="2:15" ht="21.95" customHeight="1" thickBot="1">
      <c r="C3" s="138" t="s">
        <v>95</v>
      </c>
      <c r="D3" s="139"/>
      <c r="E3" s="140"/>
      <c r="F3" s="140"/>
      <c r="G3" s="140"/>
      <c r="H3" s="140"/>
      <c r="I3" s="140"/>
      <c r="J3" s="140"/>
      <c r="K3" s="140"/>
      <c r="L3" s="140"/>
      <c r="M3" s="141" t="s">
        <v>86</v>
      </c>
    </row>
    <row r="4" spans="2:15" ht="18" customHeight="1">
      <c r="B4" s="90"/>
      <c r="C4" s="202" t="s">
        <v>10</v>
      </c>
      <c r="D4" s="91"/>
      <c r="E4" s="204" t="s">
        <v>11</v>
      </c>
      <c r="F4" s="92" t="s">
        <v>6</v>
      </c>
      <c r="G4" s="93"/>
      <c r="H4" s="94" t="s">
        <v>7</v>
      </c>
      <c r="I4" s="95" t="s">
        <v>72</v>
      </c>
      <c r="J4" s="96"/>
      <c r="K4" s="96"/>
      <c r="L4" s="97" t="s">
        <v>0</v>
      </c>
      <c r="M4" s="98" t="s">
        <v>3</v>
      </c>
      <c r="N4" s="99"/>
    </row>
    <row r="5" spans="2:15" ht="18" customHeight="1" thickBot="1">
      <c r="B5" s="142"/>
      <c r="C5" s="203"/>
      <c r="D5" s="101"/>
      <c r="E5" s="205"/>
      <c r="F5" s="102" t="s">
        <v>12</v>
      </c>
      <c r="G5" s="102" t="s">
        <v>1</v>
      </c>
      <c r="H5" s="102" t="s">
        <v>2</v>
      </c>
      <c r="I5" s="102" t="s">
        <v>5</v>
      </c>
      <c r="J5" s="102" t="s">
        <v>13</v>
      </c>
      <c r="K5" s="102" t="s">
        <v>14</v>
      </c>
      <c r="L5" s="102" t="s">
        <v>4</v>
      </c>
      <c r="M5" s="103" t="s">
        <v>15</v>
      </c>
      <c r="N5" s="99"/>
    </row>
    <row r="6" spans="2:15" ht="18" customHeight="1">
      <c r="B6" s="104"/>
      <c r="C6" s="105"/>
      <c r="D6" s="105"/>
      <c r="E6" s="106" t="s">
        <v>8</v>
      </c>
      <c r="F6" s="107" t="s">
        <v>6</v>
      </c>
      <c r="G6" s="107" t="s">
        <v>6</v>
      </c>
      <c r="H6" s="107" t="s">
        <v>6</v>
      </c>
      <c r="I6" s="107" t="s">
        <v>6</v>
      </c>
      <c r="J6" s="107" t="s">
        <v>6</v>
      </c>
      <c r="K6" s="107" t="s">
        <v>6</v>
      </c>
      <c r="L6" s="107" t="s">
        <v>6</v>
      </c>
      <c r="M6" s="108" t="s">
        <v>6</v>
      </c>
      <c r="N6" s="99"/>
    </row>
    <row r="7" spans="2:15" ht="24" customHeight="1">
      <c r="B7" s="16"/>
      <c r="C7" s="23" t="s">
        <v>84</v>
      </c>
      <c r="D7" s="17"/>
      <c r="E7" s="18">
        <v>4088341</v>
      </c>
      <c r="F7" s="19">
        <v>9161113</v>
      </c>
      <c r="G7" s="20">
        <v>4568233</v>
      </c>
      <c r="H7" s="20">
        <v>4592880</v>
      </c>
      <c r="I7" s="20">
        <v>3902</v>
      </c>
      <c r="J7" s="20">
        <v>-1767</v>
      </c>
      <c r="K7" s="20">
        <v>5669</v>
      </c>
      <c r="L7" s="21">
        <v>2.2400000000000002</v>
      </c>
      <c r="M7" s="22">
        <v>3792</v>
      </c>
      <c r="N7" s="109"/>
    </row>
    <row r="8" spans="2:15" ht="24" customHeight="1">
      <c r="B8" s="110"/>
      <c r="C8" s="111" t="s">
        <v>85</v>
      </c>
      <c r="D8" s="112"/>
      <c r="E8" s="113">
        <v>3970047</v>
      </c>
      <c r="F8" s="114">
        <v>8871010</v>
      </c>
      <c r="G8" s="115">
        <v>4425484</v>
      </c>
      <c r="H8" s="115">
        <v>4445526</v>
      </c>
      <c r="I8" s="115">
        <v>4228</v>
      </c>
      <c r="J8" s="115">
        <v>-1596</v>
      </c>
      <c r="K8" s="115">
        <v>5824</v>
      </c>
      <c r="L8" s="116">
        <v>2.23</v>
      </c>
      <c r="M8" s="117">
        <v>4901</v>
      </c>
      <c r="N8" s="109"/>
    </row>
    <row r="9" spans="2:15" ht="24" customHeight="1">
      <c r="B9" s="110"/>
      <c r="C9" s="111" t="s">
        <v>16</v>
      </c>
      <c r="D9" s="112"/>
      <c r="E9" s="113">
        <v>118294</v>
      </c>
      <c r="F9" s="114">
        <v>290103</v>
      </c>
      <c r="G9" s="115">
        <v>142749</v>
      </c>
      <c r="H9" s="115">
        <v>147354</v>
      </c>
      <c r="I9" s="115">
        <v>-326</v>
      </c>
      <c r="J9" s="115">
        <v>-171</v>
      </c>
      <c r="K9" s="115">
        <v>-155</v>
      </c>
      <c r="L9" s="116">
        <v>2.4500000000000002</v>
      </c>
      <c r="M9" s="117">
        <v>478</v>
      </c>
      <c r="N9" s="109"/>
    </row>
    <row r="10" spans="2:15" ht="24" customHeight="1">
      <c r="B10" s="110"/>
      <c r="C10" s="118"/>
      <c r="D10" s="118"/>
      <c r="E10" s="119"/>
      <c r="F10" s="120"/>
      <c r="G10" s="121"/>
      <c r="H10" s="121"/>
      <c r="I10" s="121"/>
      <c r="J10" s="121"/>
      <c r="K10" s="121"/>
      <c r="L10" s="122"/>
      <c r="M10" s="123"/>
      <c r="N10" s="109"/>
    </row>
    <row r="11" spans="2:15" ht="24" customHeight="1">
      <c r="B11" s="124"/>
      <c r="C11" s="24" t="s">
        <v>17</v>
      </c>
      <c r="D11" s="7"/>
      <c r="E11" s="8">
        <v>1680768</v>
      </c>
      <c r="F11" s="9">
        <v>3731706</v>
      </c>
      <c r="G11" s="10">
        <v>1854619</v>
      </c>
      <c r="H11" s="10">
        <v>1877087</v>
      </c>
      <c r="I11" s="10">
        <v>1977</v>
      </c>
      <c r="J11" s="10">
        <v>-741</v>
      </c>
      <c r="K11" s="10">
        <v>2718</v>
      </c>
      <c r="L11" s="11">
        <v>2.2200000000000002</v>
      </c>
      <c r="M11" s="12">
        <v>8528</v>
      </c>
      <c r="N11" s="109"/>
    </row>
    <row r="12" spans="2:15" ht="24" customHeight="1">
      <c r="B12" s="110"/>
      <c r="C12" s="125" t="s">
        <v>18</v>
      </c>
      <c r="D12" s="112"/>
      <c r="E12" s="113">
        <v>136936</v>
      </c>
      <c r="F12" s="114">
        <v>289596</v>
      </c>
      <c r="G12" s="115">
        <v>149602</v>
      </c>
      <c r="H12" s="115">
        <v>139994</v>
      </c>
      <c r="I12" s="115">
        <v>672</v>
      </c>
      <c r="J12" s="115">
        <v>-53</v>
      </c>
      <c r="K12" s="115">
        <v>725</v>
      </c>
      <c r="L12" s="116">
        <v>2.11</v>
      </c>
      <c r="M12" s="117">
        <v>8715</v>
      </c>
      <c r="N12" s="109"/>
    </row>
    <row r="13" spans="2:15" ht="24" customHeight="1">
      <c r="B13" s="110"/>
      <c r="C13" s="126" t="s">
        <v>75</v>
      </c>
      <c r="D13" s="112"/>
      <c r="E13" s="113">
        <v>123352</v>
      </c>
      <c r="F13" s="114">
        <v>242337</v>
      </c>
      <c r="G13" s="115">
        <v>123111</v>
      </c>
      <c r="H13" s="115">
        <v>119226</v>
      </c>
      <c r="I13" s="115">
        <v>651</v>
      </c>
      <c r="J13" s="115">
        <v>-19</v>
      </c>
      <c r="K13" s="115">
        <v>670</v>
      </c>
      <c r="L13" s="116">
        <v>1.96</v>
      </c>
      <c r="M13" s="117">
        <v>10212</v>
      </c>
      <c r="N13" s="109"/>
    </row>
    <row r="14" spans="2:15" ht="24" customHeight="1">
      <c r="B14" s="110"/>
      <c r="C14" s="125" t="s">
        <v>19</v>
      </c>
      <c r="D14" s="112"/>
      <c r="E14" s="113">
        <v>53666</v>
      </c>
      <c r="F14" s="114">
        <v>100809</v>
      </c>
      <c r="G14" s="115">
        <v>51031</v>
      </c>
      <c r="H14" s="115">
        <v>49778</v>
      </c>
      <c r="I14" s="115">
        <v>403</v>
      </c>
      <c r="J14" s="115">
        <v>-19</v>
      </c>
      <c r="K14" s="115">
        <v>422</v>
      </c>
      <c r="L14" s="116">
        <v>1.88</v>
      </c>
      <c r="M14" s="117">
        <v>14340</v>
      </c>
      <c r="N14" s="109"/>
      <c r="O14" s="4"/>
    </row>
    <row r="15" spans="2:15" ht="24" customHeight="1">
      <c r="B15" s="110"/>
      <c r="C15" s="125" t="s">
        <v>20</v>
      </c>
      <c r="D15" s="112"/>
      <c r="E15" s="113">
        <v>79880</v>
      </c>
      <c r="F15" s="114">
        <v>148724</v>
      </c>
      <c r="G15" s="115">
        <v>78079</v>
      </c>
      <c r="H15" s="115">
        <v>70645</v>
      </c>
      <c r="I15" s="115">
        <v>-249</v>
      </c>
      <c r="J15" s="115">
        <v>-51</v>
      </c>
      <c r="K15" s="115">
        <v>-198</v>
      </c>
      <c r="L15" s="116">
        <v>1.86</v>
      </c>
      <c r="M15" s="117">
        <v>6989</v>
      </c>
      <c r="N15" s="109"/>
    </row>
    <row r="16" spans="2:15" ht="24" customHeight="1">
      <c r="B16" s="110"/>
      <c r="C16" s="125" t="s">
        <v>21</v>
      </c>
      <c r="D16" s="112"/>
      <c r="E16" s="113">
        <v>97948</v>
      </c>
      <c r="F16" s="114">
        <v>194992</v>
      </c>
      <c r="G16" s="115">
        <v>96969</v>
      </c>
      <c r="H16" s="115">
        <v>98023</v>
      </c>
      <c r="I16" s="115">
        <v>314</v>
      </c>
      <c r="J16" s="115">
        <v>-119</v>
      </c>
      <c r="K16" s="115">
        <v>433</v>
      </c>
      <c r="L16" s="116">
        <v>1.99</v>
      </c>
      <c r="M16" s="117">
        <v>15414</v>
      </c>
      <c r="N16" s="109"/>
    </row>
    <row r="17" spans="2:14" ht="24" customHeight="1">
      <c r="B17" s="110"/>
      <c r="C17" s="125" t="s">
        <v>22</v>
      </c>
      <c r="D17" s="112"/>
      <c r="E17" s="113">
        <v>92576</v>
      </c>
      <c r="F17" s="114">
        <v>214002</v>
      </c>
      <c r="G17" s="115">
        <v>104876</v>
      </c>
      <c r="H17" s="115">
        <v>109126</v>
      </c>
      <c r="I17" s="115">
        <v>125</v>
      </c>
      <c r="J17" s="115">
        <v>-44</v>
      </c>
      <c r="K17" s="115">
        <v>169</v>
      </c>
      <c r="L17" s="116">
        <v>2.31</v>
      </c>
      <c r="M17" s="117">
        <v>10754</v>
      </c>
      <c r="N17" s="109"/>
    </row>
    <row r="18" spans="2:14" ht="24" customHeight="1">
      <c r="B18" s="110"/>
      <c r="C18" s="126" t="s">
        <v>96</v>
      </c>
      <c r="D18" s="127"/>
      <c r="E18" s="113">
        <v>94825</v>
      </c>
      <c r="F18" s="114">
        <v>205889</v>
      </c>
      <c r="G18" s="115">
        <v>102377</v>
      </c>
      <c r="H18" s="115">
        <v>103512</v>
      </c>
      <c r="I18" s="115">
        <v>-205</v>
      </c>
      <c r="J18" s="115">
        <v>-76</v>
      </c>
      <c r="K18" s="115">
        <v>-129</v>
      </c>
      <c r="L18" s="116">
        <v>2.17</v>
      </c>
      <c r="M18" s="117">
        <v>9388</v>
      </c>
      <c r="N18" s="109"/>
    </row>
    <row r="19" spans="2:14" ht="24" customHeight="1">
      <c r="B19" s="110"/>
      <c r="C19" s="125" t="s">
        <v>23</v>
      </c>
      <c r="D19" s="112"/>
      <c r="E19" s="113">
        <v>104530</v>
      </c>
      <c r="F19" s="114">
        <v>245388</v>
      </c>
      <c r="G19" s="115">
        <v>118821</v>
      </c>
      <c r="H19" s="115">
        <v>126567</v>
      </c>
      <c r="I19" s="115">
        <v>-112</v>
      </c>
      <c r="J19" s="115">
        <v>-127</v>
      </c>
      <c r="K19" s="115">
        <v>15</v>
      </c>
      <c r="L19" s="116">
        <v>2.35</v>
      </c>
      <c r="M19" s="117">
        <v>7497</v>
      </c>
      <c r="N19" s="109"/>
    </row>
    <row r="20" spans="2:14" ht="24" customHeight="1">
      <c r="B20" s="110"/>
      <c r="C20" s="125" t="s">
        <v>24</v>
      </c>
      <c r="D20" s="112"/>
      <c r="E20" s="113">
        <v>76107</v>
      </c>
      <c r="F20" s="114">
        <v>166430</v>
      </c>
      <c r="G20" s="115">
        <v>81829</v>
      </c>
      <c r="H20" s="115">
        <v>84601</v>
      </c>
      <c r="I20" s="115">
        <v>102</v>
      </c>
      <c r="J20" s="115">
        <v>-45</v>
      </c>
      <c r="K20" s="115">
        <v>147</v>
      </c>
      <c r="L20" s="116">
        <v>2.19</v>
      </c>
      <c r="M20" s="117">
        <v>8736</v>
      </c>
      <c r="N20" s="109"/>
    </row>
    <row r="21" spans="2:14" ht="24" customHeight="1">
      <c r="B21" s="110"/>
      <c r="C21" s="125" t="s">
        <v>25</v>
      </c>
      <c r="D21" s="112"/>
      <c r="E21" s="113">
        <v>87676</v>
      </c>
      <c r="F21" s="114">
        <v>199482</v>
      </c>
      <c r="G21" s="115">
        <v>97622</v>
      </c>
      <c r="H21" s="115">
        <v>101860</v>
      </c>
      <c r="I21" s="115">
        <v>-141</v>
      </c>
      <c r="J21" s="115">
        <v>-64</v>
      </c>
      <c r="K21" s="115">
        <v>-77</v>
      </c>
      <c r="L21" s="116">
        <v>2.2799999999999998</v>
      </c>
      <c r="M21" s="117">
        <v>6443</v>
      </c>
      <c r="N21" s="109"/>
    </row>
    <row r="22" spans="2:14" ht="24" customHeight="1">
      <c r="B22" s="110"/>
      <c r="C22" s="125" t="s">
        <v>26</v>
      </c>
      <c r="D22" s="112"/>
      <c r="E22" s="113">
        <v>167341</v>
      </c>
      <c r="F22" s="114">
        <v>349368</v>
      </c>
      <c r="G22" s="115">
        <v>176566</v>
      </c>
      <c r="H22" s="115">
        <v>172802</v>
      </c>
      <c r="I22" s="115">
        <v>867</v>
      </c>
      <c r="J22" s="115">
        <v>58</v>
      </c>
      <c r="K22" s="115">
        <v>809</v>
      </c>
      <c r="L22" s="116">
        <v>2.09</v>
      </c>
      <c r="M22" s="117">
        <v>11126</v>
      </c>
      <c r="N22" s="109"/>
    </row>
    <row r="23" spans="2:14" ht="24" customHeight="1">
      <c r="B23" s="110"/>
      <c r="C23" s="125" t="s">
        <v>27</v>
      </c>
      <c r="D23" s="112"/>
      <c r="E23" s="113">
        <v>76310</v>
      </c>
      <c r="F23" s="114">
        <v>180894</v>
      </c>
      <c r="G23" s="115">
        <v>88975</v>
      </c>
      <c r="H23" s="115">
        <v>91919</v>
      </c>
      <c r="I23" s="115">
        <v>-135</v>
      </c>
      <c r="J23" s="115">
        <v>-9</v>
      </c>
      <c r="K23" s="115">
        <v>-126</v>
      </c>
      <c r="L23" s="116">
        <v>2.37</v>
      </c>
      <c r="M23" s="117">
        <v>7091</v>
      </c>
      <c r="N23" s="109"/>
    </row>
    <row r="24" spans="2:14" ht="24" customHeight="1">
      <c r="B24" s="110"/>
      <c r="C24" s="125" t="s">
        <v>28</v>
      </c>
      <c r="D24" s="112"/>
      <c r="E24" s="113">
        <v>127430</v>
      </c>
      <c r="F24" s="114">
        <v>309333</v>
      </c>
      <c r="G24" s="115">
        <v>150417</v>
      </c>
      <c r="H24" s="115">
        <v>158916</v>
      </c>
      <c r="I24" s="115">
        <v>-79</v>
      </c>
      <c r="J24" s="115">
        <v>-41</v>
      </c>
      <c r="K24" s="115">
        <v>-38</v>
      </c>
      <c r="L24" s="116">
        <v>2.4300000000000002</v>
      </c>
      <c r="M24" s="117">
        <v>8783</v>
      </c>
      <c r="N24" s="109"/>
    </row>
    <row r="25" spans="2:14" ht="24" customHeight="1">
      <c r="B25" s="110"/>
      <c r="C25" s="125" t="s">
        <v>29</v>
      </c>
      <c r="D25" s="112"/>
      <c r="E25" s="113">
        <v>81749</v>
      </c>
      <c r="F25" s="114">
        <v>210634</v>
      </c>
      <c r="G25" s="115">
        <v>104987</v>
      </c>
      <c r="H25" s="115">
        <v>105647</v>
      </c>
      <c r="I25" s="115">
        <v>-429</v>
      </c>
      <c r="J25" s="115">
        <v>34</v>
      </c>
      <c r="K25" s="115">
        <v>-463</v>
      </c>
      <c r="L25" s="116">
        <v>2.58</v>
      </c>
      <c r="M25" s="117">
        <v>7558</v>
      </c>
      <c r="N25" s="109"/>
    </row>
    <row r="26" spans="2:14" ht="24" customHeight="1">
      <c r="B26" s="110"/>
      <c r="C26" s="125" t="s">
        <v>30</v>
      </c>
      <c r="D26" s="112"/>
      <c r="E26" s="113">
        <v>116701</v>
      </c>
      <c r="F26" s="114">
        <v>277473</v>
      </c>
      <c r="G26" s="115">
        <v>135956</v>
      </c>
      <c r="H26" s="115">
        <v>141517</v>
      </c>
      <c r="I26" s="115">
        <v>597</v>
      </c>
      <c r="J26" s="115">
        <v>-10</v>
      </c>
      <c r="K26" s="115">
        <v>607</v>
      </c>
      <c r="L26" s="116">
        <v>2.38</v>
      </c>
      <c r="M26" s="117">
        <v>7753</v>
      </c>
      <c r="N26" s="109"/>
    </row>
    <row r="27" spans="2:14" ht="24" customHeight="1">
      <c r="B27" s="110"/>
      <c r="C27" s="125" t="s">
        <v>31</v>
      </c>
      <c r="D27" s="112"/>
      <c r="E27" s="113">
        <v>51039</v>
      </c>
      <c r="F27" s="114">
        <v>120382</v>
      </c>
      <c r="G27" s="115">
        <v>58651</v>
      </c>
      <c r="H27" s="115">
        <v>61731</v>
      </c>
      <c r="I27" s="115">
        <v>-228</v>
      </c>
      <c r="J27" s="115">
        <v>-45</v>
      </c>
      <c r="K27" s="115">
        <v>-183</v>
      </c>
      <c r="L27" s="116">
        <v>2.36</v>
      </c>
      <c r="M27" s="117">
        <v>6500</v>
      </c>
      <c r="N27" s="109"/>
    </row>
    <row r="28" spans="2:14" ht="24" customHeight="1">
      <c r="B28" s="110"/>
      <c r="C28" s="125" t="s">
        <v>32</v>
      </c>
      <c r="D28" s="112"/>
      <c r="E28" s="113">
        <v>61643</v>
      </c>
      <c r="F28" s="114">
        <v>152831</v>
      </c>
      <c r="G28" s="115">
        <v>74692</v>
      </c>
      <c r="H28" s="115">
        <v>78139</v>
      </c>
      <c r="I28" s="115">
        <v>56</v>
      </c>
      <c r="J28" s="115">
        <v>-45</v>
      </c>
      <c r="K28" s="115">
        <v>101</v>
      </c>
      <c r="L28" s="116">
        <v>2.48</v>
      </c>
      <c r="M28" s="117">
        <v>6481</v>
      </c>
      <c r="N28" s="109"/>
    </row>
    <row r="29" spans="2:14" ht="24" customHeight="1">
      <c r="B29" s="110"/>
      <c r="C29" s="125" t="s">
        <v>33</v>
      </c>
      <c r="D29" s="112"/>
      <c r="E29" s="113">
        <v>51059</v>
      </c>
      <c r="F29" s="114">
        <v>123142</v>
      </c>
      <c r="G29" s="115">
        <v>60058</v>
      </c>
      <c r="H29" s="115">
        <v>63084</v>
      </c>
      <c r="I29" s="115">
        <v>-232</v>
      </c>
      <c r="J29" s="115">
        <v>-66</v>
      </c>
      <c r="K29" s="115">
        <v>-166</v>
      </c>
      <c r="L29" s="116">
        <v>2.41</v>
      </c>
      <c r="M29" s="117">
        <v>7172</v>
      </c>
      <c r="N29" s="109"/>
    </row>
    <row r="30" spans="2:14" ht="24" customHeight="1">
      <c r="B30" s="124"/>
      <c r="C30" s="24" t="s">
        <v>34</v>
      </c>
      <c r="D30" s="7"/>
      <c r="E30" s="8">
        <v>722881</v>
      </c>
      <c r="F30" s="9">
        <v>1509887</v>
      </c>
      <c r="G30" s="10">
        <v>765115</v>
      </c>
      <c r="H30" s="10">
        <v>744772</v>
      </c>
      <c r="I30" s="10">
        <v>4146</v>
      </c>
      <c r="J30" s="10">
        <v>181</v>
      </c>
      <c r="K30" s="10">
        <v>3965</v>
      </c>
      <c r="L30" s="11">
        <v>2.09</v>
      </c>
      <c r="M30" s="12">
        <v>10558</v>
      </c>
      <c r="N30" s="109"/>
    </row>
    <row r="31" spans="2:14" ht="24" customHeight="1">
      <c r="B31" s="110"/>
      <c r="C31" s="125" t="s">
        <v>35</v>
      </c>
      <c r="D31" s="112"/>
      <c r="E31" s="113">
        <v>117057</v>
      </c>
      <c r="F31" s="114">
        <v>230353</v>
      </c>
      <c r="G31" s="115">
        <v>123702</v>
      </c>
      <c r="H31" s="115">
        <v>106651</v>
      </c>
      <c r="I31" s="115">
        <v>545</v>
      </c>
      <c r="J31" s="115">
        <v>-54</v>
      </c>
      <c r="K31" s="115">
        <v>599</v>
      </c>
      <c r="L31" s="116">
        <v>1.97</v>
      </c>
      <c r="M31" s="117">
        <v>5827</v>
      </c>
      <c r="N31" s="109"/>
    </row>
    <row r="32" spans="2:14" ht="24" customHeight="1">
      <c r="B32" s="110"/>
      <c r="C32" s="125" t="s">
        <v>77</v>
      </c>
      <c r="D32" s="112"/>
      <c r="E32" s="113">
        <v>79117</v>
      </c>
      <c r="F32" s="114">
        <v>166577</v>
      </c>
      <c r="G32" s="115">
        <v>84041</v>
      </c>
      <c r="H32" s="115">
        <v>82536</v>
      </c>
      <c r="I32" s="115">
        <v>392</v>
      </c>
      <c r="J32" s="115">
        <v>19</v>
      </c>
      <c r="K32" s="115">
        <v>373</v>
      </c>
      <c r="L32" s="116">
        <v>2.11</v>
      </c>
      <c r="M32" s="117">
        <v>16641</v>
      </c>
      <c r="N32" s="109"/>
    </row>
    <row r="33" spans="2:14" ht="24" customHeight="1">
      <c r="B33" s="110"/>
      <c r="C33" s="125" t="s">
        <v>36</v>
      </c>
      <c r="D33" s="112"/>
      <c r="E33" s="113">
        <v>129870</v>
      </c>
      <c r="F33" s="114">
        <v>256612</v>
      </c>
      <c r="G33" s="115">
        <v>131072</v>
      </c>
      <c r="H33" s="115">
        <v>125540</v>
      </c>
      <c r="I33" s="115">
        <v>1885</v>
      </c>
      <c r="J33" s="115">
        <v>87</v>
      </c>
      <c r="K33" s="115">
        <v>1798</v>
      </c>
      <c r="L33" s="116">
        <v>1.98</v>
      </c>
      <c r="M33" s="117">
        <v>17409</v>
      </c>
      <c r="N33" s="109"/>
    </row>
    <row r="34" spans="2:14" ht="24" customHeight="1">
      <c r="B34" s="110"/>
      <c r="C34" s="125" t="s">
        <v>97</v>
      </c>
      <c r="D34" s="112"/>
      <c r="E34" s="113">
        <v>111105</v>
      </c>
      <c r="F34" s="114">
        <v>231154</v>
      </c>
      <c r="G34" s="115">
        <v>116199</v>
      </c>
      <c r="H34" s="115">
        <v>114955</v>
      </c>
      <c r="I34" s="115">
        <v>193</v>
      </c>
      <c r="J34" s="115">
        <v>40</v>
      </c>
      <c r="K34" s="115">
        <v>153</v>
      </c>
      <c r="L34" s="116">
        <v>2.08</v>
      </c>
      <c r="M34" s="117">
        <v>14129</v>
      </c>
      <c r="N34" s="109"/>
    </row>
    <row r="35" spans="2:14" ht="24" customHeight="1">
      <c r="B35" s="110"/>
      <c r="C35" s="125" t="s">
        <v>37</v>
      </c>
      <c r="D35" s="112"/>
      <c r="E35" s="113">
        <v>98655</v>
      </c>
      <c r="F35" s="114">
        <v>230353</v>
      </c>
      <c r="G35" s="115">
        <v>112733</v>
      </c>
      <c r="H35" s="115">
        <v>117620</v>
      </c>
      <c r="I35" s="115">
        <v>63</v>
      </c>
      <c r="J35" s="115">
        <v>54</v>
      </c>
      <c r="K35" s="115">
        <v>9</v>
      </c>
      <c r="L35" s="116">
        <v>2.33</v>
      </c>
      <c r="M35" s="117">
        <v>12378</v>
      </c>
      <c r="N35" s="109"/>
    </row>
    <row r="36" spans="2:14" ht="24" customHeight="1">
      <c r="B36" s="110"/>
      <c r="C36" s="125" t="s">
        <v>38</v>
      </c>
      <c r="D36" s="112"/>
      <c r="E36" s="113">
        <v>110393</v>
      </c>
      <c r="F36" s="114">
        <v>217023</v>
      </c>
      <c r="G36" s="115">
        <v>111012</v>
      </c>
      <c r="H36" s="115">
        <v>106011</v>
      </c>
      <c r="I36" s="115">
        <v>728</v>
      </c>
      <c r="J36" s="115">
        <v>39</v>
      </c>
      <c r="K36" s="115">
        <v>689</v>
      </c>
      <c r="L36" s="116">
        <v>1.97</v>
      </c>
      <c r="M36" s="117">
        <v>10586</v>
      </c>
      <c r="N36" s="109"/>
    </row>
    <row r="37" spans="2:14" ht="24" customHeight="1">
      <c r="B37" s="110"/>
      <c r="C37" s="125" t="s">
        <v>39</v>
      </c>
      <c r="D37" s="112"/>
      <c r="E37" s="113">
        <v>76684</v>
      </c>
      <c r="F37" s="114">
        <v>177815</v>
      </c>
      <c r="G37" s="115">
        <v>86356</v>
      </c>
      <c r="H37" s="115">
        <v>91459</v>
      </c>
      <c r="I37" s="115">
        <v>340</v>
      </c>
      <c r="J37" s="115">
        <v>-4</v>
      </c>
      <c r="K37" s="115">
        <v>344</v>
      </c>
      <c r="L37" s="116">
        <v>2.3199999999999998</v>
      </c>
      <c r="M37" s="117">
        <v>7648</v>
      </c>
      <c r="N37" s="109"/>
    </row>
    <row r="38" spans="2:14" ht="24" customHeight="1">
      <c r="B38" s="124"/>
      <c r="C38" s="24" t="s">
        <v>47</v>
      </c>
      <c r="D38" s="13"/>
      <c r="E38" s="8">
        <v>321067</v>
      </c>
      <c r="F38" s="9">
        <v>722334</v>
      </c>
      <c r="G38" s="10">
        <v>361446</v>
      </c>
      <c r="H38" s="10">
        <v>360888</v>
      </c>
      <c r="I38" s="10">
        <v>4</v>
      </c>
      <c r="J38" s="10">
        <v>-121</v>
      </c>
      <c r="K38" s="10">
        <v>125</v>
      </c>
      <c r="L38" s="11">
        <v>2.25</v>
      </c>
      <c r="M38" s="12">
        <v>2196</v>
      </c>
      <c r="N38" s="109"/>
    </row>
    <row r="39" spans="2:14" ht="24" customHeight="1">
      <c r="B39" s="110"/>
      <c r="C39" s="125" t="s">
        <v>73</v>
      </c>
      <c r="D39" s="128"/>
      <c r="E39" s="113">
        <v>72960</v>
      </c>
      <c r="F39" s="114">
        <v>171933</v>
      </c>
      <c r="G39" s="115">
        <v>86669</v>
      </c>
      <c r="H39" s="115">
        <v>85264</v>
      </c>
      <c r="I39" s="115">
        <v>-150</v>
      </c>
      <c r="J39" s="115">
        <v>-29</v>
      </c>
      <c r="K39" s="115">
        <v>-121</v>
      </c>
      <c r="L39" s="116">
        <v>2.36</v>
      </c>
      <c r="M39" s="117">
        <v>677</v>
      </c>
      <c r="N39" s="109"/>
    </row>
    <row r="40" spans="2:14" ht="24" customHeight="1">
      <c r="B40" s="110"/>
      <c r="C40" s="125" t="s">
        <v>79</v>
      </c>
      <c r="D40" s="112"/>
      <c r="E40" s="113">
        <v>120400</v>
      </c>
      <c r="F40" s="114">
        <v>271531</v>
      </c>
      <c r="G40" s="115">
        <v>136439</v>
      </c>
      <c r="H40" s="115">
        <v>135092</v>
      </c>
      <c r="I40" s="115">
        <v>-165</v>
      </c>
      <c r="J40" s="115">
        <v>-55</v>
      </c>
      <c r="K40" s="115">
        <v>-110</v>
      </c>
      <c r="L40" s="116">
        <v>2.2599999999999998</v>
      </c>
      <c r="M40" s="117">
        <v>7365</v>
      </c>
      <c r="N40" s="109"/>
    </row>
    <row r="41" spans="2:14" ht="24" customHeight="1">
      <c r="B41" s="110"/>
      <c r="C41" s="125" t="s">
        <v>74</v>
      </c>
      <c r="D41" s="112"/>
      <c r="E41" s="113">
        <v>127707</v>
      </c>
      <c r="F41" s="114">
        <v>278870</v>
      </c>
      <c r="G41" s="115">
        <v>138338</v>
      </c>
      <c r="H41" s="115">
        <v>140532</v>
      </c>
      <c r="I41" s="115">
        <v>319</v>
      </c>
      <c r="J41" s="115">
        <v>-37</v>
      </c>
      <c r="K41" s="115">
        <v>356</v>
      </c>
      <c r="L41" s="116">
        <v>2.1800000000000002</v>
      </c>
      <c r="M41" s="117">
        <v>7318</v>
      </c>
      <c r="N41" s="109"/>
    </row>
    <row r="42" spans="2:14" ht="23.25" customHeight="1">
      <c r="B42" s="110"/>
      <c r="C42" s="125" t="s">
        <v>40</v>
      </c>
      <c r="D42" s="129"/>
      <c r="E42" s="113">
        <v>166869</v>
      </c>
      <c r="F42" s="114">
        <v>397736</v>
      </c>
      <c r="G42" s="115">
        <v>197997</v>
      </c>
      <c r="H42" s="115">
        <v>199739</v>
      </c>
      <c r="I42" s="115">
        <v>-1725</v>
      </c>
      <c r="J42" s="115">
        <v>-183</v>
      </c>
      <c r="K42" s="115">
        <v>-1542</v>
      </c>
      <c r="L42" s="116">
        <v>2.38</v>
      </c>
      <c r="M42" s="117">
        <v>3945</v>
      </c>
      <c r="N42" s="99"/>
    </row>
    <row r="43" spans="2:14" ht="23.25" customHeight="1">
      <c r="B43" s="110"/>
      <c r="C43" s="125" t="s">
        <v>41</v>
      </c>
      <c r="D43" s="129"/>
      <c r="E43" s="113">
        <v>110410</v>
      </c>
      <c r="F43" s="114">
        <v>257962</v>
      </c>
      <c r="G43" s="115">
        <v>129279</v>
      </c>
      <c r="H43" s="115">
        <v>128683</v>
      </c>
      <c r="I43" s="115">
        <v>-71</v>
      </c>
      <c r="J43" s="115">
        <v>-98</v>
      </c>
      <c r="K43" s="115">
        <v>27</v>
      </c>
      <c r="L43" s="116">
        <v>2.34</v>
      </c>
      <c r="M43" s="117">
        <v>3804</v>
      </c>
    </row>
    <row r="44" spans="2:14" ht="23.25" customHeight="1">
      <c r="B44" s="110"/>
      <c r="C44" s="125" t="s">
        <v>42</v>
      </c>
      <c r="D44" s="129"/>
      <c r="E44" s="113">
        <v>73939</v>
      </c>
      <c r="F44" s="114">
        <v>172194</v>
      </c>
      <c r="G44" s="115">
        <v>81116</v>
      </c>
      <c r="H44" s="115">
        <v>91078</v>
      </c>
      <c r="I44" s="115">
        <v>217</v>
      </c>
      <c r="J44" s="115">
        <v>-93</v>
      </c>
      <c r="K44" s="115">
        <v>310</v>
      </c>
      <c r="L44" s="116">
        <v>2.33</v>
      </c>
      <c r="M44" s="117">
        <v>4341</v>
      </c>
    </row>
    <row r="45" spans="2:14" ht="23.25" customHeight="1">
      <c r="B45" s="110"/>
      <c r="C45" s="125" t="s">
        <v>43</v>
      </c>
      <c r="D45" s="129"/>
      <c r="E45" s="113">
        <v>186157</v>
      </c>
      <c r="F45" s="114">
        <v>429317</v>
      </c>
      <c r="G45" s="115">
        <v>212181</v>
      </c>
      <c r="H45" s="115">
        <v>217136</v>
      </c>
      <c r="I45" s="115">
        <v>270</v>
      </c>
      <c r="J45" s="115">
        <v>-44</v>
      </c>
      <c r="K45" s="115">
        <v>314</v>
      </c>
      <c r="L45" s="116">
        <v>2.31</v>
      </c>
      <c r="M45" s="117">
        <v>6171</v>
      </c>
    </row>
    <row r="46" spans="2:14" ht="23.25" customHeight="1">
      <c r="B46" s="104"/>
      <c r="C46" s="125" t="s">
        <v>44</v>
      </c>
      <c r="D46" s="129"/>
      <c r="E46" s="113">
        <v>80764</v>
      </c>
      <c r="F46" s="114">
        <v>191325</v>
      </c>
      <c r="G46" s="115">
        <v>93136</v>
      </c>
      <c r="H46" s="115">
        <v>98189</v>
      </c>
      <c r="I46" s="115">
        <v>-356</v>
      </c>
      <c r="J46" s="115">
        <v>-138</v>
      </c>
      <c r="K46" s="115">
        <v>-218</v>
      </c>
      <c r="L46" s="116">
        <v>2.37</v>
      </c>
      <c r="M46" s="117">
        <v>1681</v>
      </c>
    </row>
    <row r="47" spans="2:14" ht="23.25" customHeight="1">
      <c r="B47" s="104"/>
      <c r="C47" s="125" t="s">
        <v>45</v>
      </c>
      <c r="D47" s="130"/>
      <c r="E47" s="113">
        <v>101149</v>
      </c>
      <c r="F47" s="114">
        <v>241532</v>
      </c>
      <c r="G47" s="115">
        <v>117648</v>
      </c>
      <c r="H47" s="115">
        <v>123884</v>
      </c>
      <c r="I47" s="115">
        <v>47</v>
      </c>
      <c r="J47" s="115">
        <v>-50</v>
      </c>
      <c r="K47" s="115">
        <v>97</v>
      </c>
      <c r="L47" s="116">
        <v>2.39</v>
      </c>
      <c r="M47" s="117">
        <v>6766</v>
      </c>
    </row>
    <row r="48" spans="2:14" ht="23.25" customHeight="1">
      <c r="B48" s="104"/>
      <c r="C48" s="125" t="s">
        <v>46</v>
      </c>
      <c r="D48" s="130"/>
      <c r="E48" s="113">
        <v>24561</v>
      </c>
      <c r="F48" s="114">
        <v>57218</v>
      </c>
      <c r="G48" s="115">
        <v>26728</v>
      </c>
      <c r="H48" s="115">
        <v>30490</v>
      </c>
      <c r="I48" s="115">
        <v>-43</v>
      </c>
      <c r="J48" s="115">
        <v>-28</v>
      </c>
      <c r="K48" s="115">
        <v>-15</v>
      </c>
      <c r="L48" s="116">
        <v>2.33</v>
      </c>
      <c r="M48" s="117">
        <v>3311</v>
      </c>
    </row>
    <row r="49" spans="2:13" ht="23.25" customHeight="1">
      <c r="B49" s="104"/>
      <c r="C49" s="125" t="s">
        <v>48</v>
      </c>
      <c r="D49" s="130"/>
      <c r="E49" s="113">
        <v>17485</v>
      </c>
      <c r="F49" s="114">
        <v>43469</v>
      </c>
      <c r="G49" s="115">
        <v>20863</v>
      </c>
      <c r="H49" s="115">
        <v>22606</v>
      </c>
      <c r="I49" s="115">
        <v>-92</v>
      </c>
      <c r="J49" s="115">
        <v>-52</v>
      </c>
      <c r="K49" s="115">
        <v>-40</v>
      </c>
      <c r="L49" s="116">
        <v>2.4900000000000002</v>
      </c>
      <c r="M49" s="117">
        <v>1356</v>
      </c>
    </row>
    <row r="50" spans="2:13" ht="23.25" customHeight="1">
      <c r="B50" s="104"/>
      <c r="C50" s="125" t="s">
        <v>49</v>
      </c>
      <c r="D50" s="130"/>
      <c r="E50" s="113">
        <v>70978</v>
      </c>
      <c r="F50" s="114">
        <v>165560</v>
      </c>
      <c r="G50" s="115">
        <v>84708</v>
      </c>
      <c r="H50" s="115">
        <v>80852</v>
      </c>
      <c r="I50" s="115">
        <v>-166</v>
      </c>
      <c r="J50" s="115">
        <v>-58</v>
      </c>
      <c r="K50" s="115">
        <v>-108</v>
      </c>
      <c r="L50" s="116">
        <v>2.33</v>
      </c>
      <c r="M50" s="117">
        <v>1596</v>
      </c>
    </row>
    <row r="51" spans="2:13" ht="23.25" customHeight="1">
      <c r="B51" s="104"/>
      <c r="C51" s="125" t="s">
        <v>50</v>
      </c>
      <c r="D51" s="130"/>
      <c r="E51" s="113">
        <v>98638</v>
      </c>
      <c r="F51" s="114">
        <v>225194</v>
      </c>
      <c r="G51" s="115">
        <v>116407</v>
      </c>
      <c r="H51" s="115">
        <v>108787</v>
      </c>
      <c r="I51" s="115">
        <v>-295</v>
      </c>
      <c r="J51" s="115">
        <v>-33</v>
      </c>
      <c r="K51" s="115">
        <v>-262</v>
      </c>
      <c r="L51" s="116">
        <v>2.2799999999999998</v>
      </c>
      <c r="M51" s="117">
        <v>2400</v>
      </c>
    </row>
    <row r="52" spans="2:13" ht="23.25" customHeight="1">
      <c r="B52" s="104"/>
      <c r="C52" s="125" t="s">
        <v>51</v>
      </c>
      <c r="D52" s="130"/>
      <c r="E52" s="113">
        <v>105574</v>
      </c>
      <c r="F52" s="114">
        <v>235357</v>
      </c>
      <c r="G52" s="115">
        <v>117627</v>
      </c>
      <c r="H52" s="115">
        <v>117730</v>
      </c>
      <c r="I52" s="115">
        <v>-39</v>
      </c>
      <c r="J52" s="115">
        <v>-24</v>
      </c>
      <c r="K52" s="115">
        <v>-15</v>
      </c>
      <c r="L52" s="116">
        <v>2.23</v>
      </c>
      <c r="M52" s="117">
        <v>8688</v>
      </c>
    </row>
    <row r="53" spans="2:13" ht="23.25" customHeight="1">
      <c r="B53" s="104"/>
      <c r="C53" s="125" t="s">
        <v>52</v>
      </c>
      <c r="D53" s="130"/>
      <c r="E53" s="113">
        <v>44809</v>
      </c>
      <c r="F53" s="114">
        <v>102416</v>
      </c>
      <c r="G53" s="115">
        <v>51936</v>
      </c>
      <c r="H53" s="115">
        <v>50480</v>
      </c>
      <c r="I53" s="115">
        <v>212</v>
      </c>
      <c r="J53" s="115">
        <v>-28</v>
      </c>
      <c r="K53" s="115">
        <v>240</v>
      </c>
      <c r="L53" s="116">
        <v>2.29</v>
      </c>
      <c r="M53" s="117">
        <v>1843</v>
      </c>
    </row>
    <row r="54" spans="2:13" ht="23.25" customHeight="1">
      <c r="B54" s="104"/>
      <c r="C54" s="125" t="s">
        <v>53</v>
      </c>
      <c r="D54" s="130"/>
      <c r="E54" s="113">
        <v>55658</v>
      </c>
      <c r="F54" s="114">
        <v>131950</v>
      </c>
      <c r="G54" s="115">
        <v>66437</v>
      </c>
      <c r="H54" s="115">
        <v>65513</v>
      </c>
      <c r="I54" s="115">
        <v>492</v>
      </c>
      <c r="J54" s="115">
        <v>-13</v>
      </c>
      <c r="K54" s="115">
        <v>505</v>
      </c>
      <c r="L54" s="116">
        <v>2.37</v>
      </c>
      <c r="M54" s="117">
        <v>4962</v>
      </c>
    </row>
    <row r="55" spans="2:13" ht="23.25" customHeight="1">
      <c r="B55" s="104"/>
      <c r="C55" s="125" t="s">
        <v>54</v>
      </c>
      <c r="D55" s="130"/>
      <c r="E55" s="113">
        <v>57663</v>
      </c>
      <c r="F55" s="114">
        <v>129387</v>
      </c>
      <c r="G55" s="115">
        <v>64586</v>
      </c>
      <c r="H55" s="115">
        <v>64801</v>
      </c>
      <c r="I55" s="115">
        <v>-24</v>
      </c>
      <c r="J55" s="115">
        <v>-28</v>
      </c>
      <c r="K55" s="115">
        <v>4</v>
      </c>
      <c r="L55" s="116">
        <v>2.2400000000000002</v>
      </c>
      <c r="M55" s="117">
        <v>7364</v>
      </c>
    </row>
    <row r="56" spans="2:13" ht="23.25" customHeight="1">
      <c r="B56" s="104"/>
      <c r="C56" s="125" t="s">
        <v>55</v>
      </c>
      <c r="D56" s="130"/>
      <c r="E56" s="113">
        <v>16482</v>
      </c>
      <c r="F56" s="114">
        <v>42427</v>
      </c>
      <c r="G56" s="115">
        <v>20900</v>
      </c>
      <c r="H56" s="115">
        <v>21527</v>
      </c>
      <c r="I56" s="115">
        <v>-96</v>
      </c>
      <c r="J56" s="115">
        <v>-20</v>
      </c>
      <c r="K56" s="115">
        <v>-76</v>
      </c>
      <c r="L56" s="116">
        <v>2.57</v>
      </c>
      <c r="M56" s="117">
        <v>550</v>
      </c>
    </row>
    <row r="57" spans="2:13" ht="23.25" customHeight="1">
      <c r="B57" s="104"/>
      <c r="C57" s="125" t="s">
        <v>56</v>
      </c>
      <c r="D57" s="130"/>
      <c r="E57" s="113">
        <v>34195</v>
      </c>
      <c r="F57" s="114">
        <v>84039</v>
      </c>
      <c r="G57" s="115">
        <v>42755</v>
      </c>
      <c r="H57" s="115">
        <v>41284</v>
      </c>
      <c r="I57" s="115">
        <v>-230</v>
      </c>
      <c r="J57" s="115">
        <v>-25</v>
      </c>
      <c r="K57" s="115">
        <v>-205</v>
      </c>
      <c r="L57" s="116">
        <v>2.46</v>
      </c>
      <c r="M57" s="117">
        <v>3796</v>
      </c>
    </row>
    <row r="58" spans="2:13" ht="23.25" customHeight="1">
      <c r="B58" s="104"/>
      <c r="C58" s="126" t="s">
        <v>81</v>
      </c>
      <c r="D58" s="130"/>
      <c r="E58" s="113">
        <v>12643</v>
      </c>
      <c r="F58" s="114">
        <v>31902</v>
      </c>
      <c r="G58" s="115">
        <v>15084</v>
      </c>
      <c r="H58" s="115">
        <v>16818</v>
      </c>
      <c r="I58" s="115">
        <v>24</v>
      </c>
      <c r="J58" s="115">
        <v>-20</v>
      </c>
      <c r="K58" s="115">
        <v>44</v>
      </c>
      <c r="L58" s="116">
        <v>2.52</v>
      </c>
      <c r="M58" s="117">
        <v>1872</v>
      </c>
    </row>
    <row r="59" spans="2:13" ht="23.25" customHeight="1">
      <c r="B59" s="104"/>
      <c r="C59" s="126" t="s">
        <v>98</v>
      </c>
      <c r="D59" s="130"/>
      <c r="E59" s="113">
        <v>19365</v>
      </c>
      <c r="F59" s="114">
        <v>48138</v>
      </c>
      <c r="G59" s="115">
        <v>24391</v>
      </c>
      <c r="H59" s="115">
        <v>23747</v>
      </c>
      <c r="I59" s="115">
        <v>-10</v>
      </c>
      <c r="J59" s="115">
        <v>-7</v>
      </c>
      <c r="K59" s="115">
        <v>-3</v>
      </c>
      <c r="L59" s="116">
        <v>2.4900000000000002</v>
      </c>
      <c r="M59" s="117">
        <v>3609</v>
      </c>
    </row>
    <row r="60" spans="2:13" ht="23.25" customHeight="1">
      <c r="B60" s="131"/>
      <c r="C60" s="24" t="s">
        <v>57</v>
      </c>
      <c r="D60" s="15"/>
      <c r="E60" s="8">
        <v>23949</v>
      </c>
      <c r="F60" s="9">
        <v>59451</v>
      </c>
      <c r="G60" s="10">
        <v>28842</v>
      </c>
      <c r="H60" s="10">
        <v>30609</v>
      </c>
      <c r="I60" s="10">
        <v>-16</v>
      </c>
      <c r="J60" s="10">
        <v>-26</v>
      </c>
      <c r="K60" s="10">
        <v>10</v>
      </c>
      <c r="L60" s="11">
        <v>2.48</v>
      </c>
      <c r="M60" s="12">
        <v>2265</v>
      </c>
    </row>
    <row r="61" spans="2:13" ht="23.25" customHeight="1">
      <c r="B61" s="104"/>
      <c r="C61" s="125" t="s">
        <v>58</v>
      </c>
      <c r="D61" s="130"/>
      <c r="E61" s="113">
        <v>12602</v>
      </c>
      <c r="F61" s="114">
        <v>31504</v>
      </c>
      <c r="G61" s="115">
        <v>15385</v>
      </c>
      <c r="H61" s="115">
        <v>16119</v>
      </c>
      <c r="I61" s="115">
        <v>-9</v>
      </c>
      <c r="J61" s="115">
        <v>-12</v>
      </c>
      <c r="K61" s="115">
        <v>3</v>
      </c>
      <c r="L61" s="116">
        <v>2.5</v>
      </c>
      <c r="M61" s="117">
        <v>1834</v>
      </c>
    </row>
    <row r="62" spans="2:13" ht="23.25" customHeight="1">
      <c r="B62" s="104"/>
      <c r="C62" s="125" t="s">
        <v>59</v>
      </c>
      <c r="D62" s="130"/>
      <c r="E62" s="113">
        <v>11347</v>
      </c>
      <c r="F62" s="114">
        <v>27947</v>
      </c>
      <c r="G62" s="115">
        <v>13457</v>
      </c>
      <c r="H62" s="115">
        <v>14490</v>
      </c>
      <c r="I62" s="115">
        <v>-7</v>
      </c>
      <c r="J62" s="115">
        <v>-14</v>
      </c>
      <c r="K62" s="115">
        <v>7</v>
      </c>
      <c r="L62" s="116">
        <v>2.46</v>
      </c>
      <c r="M62" s="117">
        <v>3078</v>
      </c>
    </row>
    <row r="63" spans="2:13" ht="23.25" customHeight="1">
      <c r="B63" s="131"/>
      <c r="C63" s="24" t="s">
        <v>60</v>
      </c>
      <c r="D63" s="15"/>
      <c r="E63" s="8">
        <v>24671</v>
      </c>
      <c r="F63" s="9">
        <v>64999</v>
      </c>
      <c r="G63" s="10">
        <v>32086</v>
      </c>
      <c r="H63" s="10">
        <v>32913</v>
      </c>
      <c r="I63" s="10">
        <v>-82</v>
      </c>
      <c r="J63" s="10">
        <v>-49</v>
      </c>
      <c r="K63" s="10">
        <v>-33</v>
      </c>
      <c r="L63" s="11">
        <v>2.63</v>
      </c>
      <c r="M63" s="12">
        <v>214</v>
      </c>
    </row>
    <row r="64" spans="2:13" ht="23.25" customHeight="1">
      <c r="B64" s="104"/>
      <c r="C64" s="125" t="s">
        <v>61</v>
      </c>
      <c r="D64" s="130"/>
      <c r="E64" s="113">
        <v>3430</v>
      </c>
      <c r="F64" s="114">
        <v>9483</v>
      </c>
      <c r="G64" s="115">
        <v>4768</v>
      </c>
      <c r="H64" s="115">
        <v>4715</v>
      </c>
      <c r="I64" s="115">
        <v>-21</v>
      </c>
      <c r="J64" s="115">
        <v>-7</v>
      </c>
      <c r="K64" s="115">
        <v>-14</v>
      </c>
      <c r="L64" s="116">
        <v>2.76</v>
      </c>
      <c r="M64" s="117">
        <v>474</v>
      </c>
    </row>
    <row r="65" spans="2:13" ht="23.25" customHeight="1">
      <c r="B65" s="104"/>
      <c r="C65" s="125" t="s">
        <v>62</v>
      </c>
      <c r="D65" s="130"/>
      <c r="E65" s="113">
        <v>6360</v>
      </c>
      <c r="F65" s="114">
        <v>16941</v>
      </c>
      <c r="G65" s="115">
        <v>8429</v>
      </c>
      <c r="H65" s="115">
        <v>8512</v>
      </c>
      <c r="I65" s="115">
        <v>-35</v>
      </c>
      <c r="J65" s="115">
        <v>-7</v>
      </c>
      <c r="K65" s="115">
        <v>-28</v>
      </c>
      <c r="L65" s="116">
        <v>2.66</v>
      </c>
      <c r="M65" s="117">
        <v>1178</v>
      </c>
    </row>
    <row r="66" spans="2:13" ht="23.25" customHeight="1">
      <c r="B66" s="104"/>
      <c r="C66" s="125" t="s">
        <v>63</v>
      </c>
      <c r="D66" s="130"/>
      <c r="E66" s="113">
        <v>4487</v>
      </c>
      <c r="F66" s="114">
        <v>10962</v>
      </c>
      <c r="G66" s="115">
        <v>5421</v>
      </c>
      <c r="H66" s="115">
        <v>5541</v>
      </c>
      <c r="I66" s="115">
        <v>5</v>
      </c>
      <c r="J66" s="115">
        <v>-8</v>
      </c>
      <c r="K66" s="115">
        <v>13</v>
      </c>
      <c r="L66" s="116">
        <v>2.44</v>
      </c>
      <c r="M66" s="117">
        <v>290</v>
      </c>
    </row>
    <row r="67" spans="2:13" ht="23.25" customHeight="1">
      <c r="B67" s="104"/>
      <c r="C67" s="125" t="s">
        <v>64</v>
      </c>
      <c r="D67" s="130"/>
      <c r="E67" s="113">
        <v>3840</v>
      </c>
      <c r="F67" s="114">
        <v>10017</v>
      </c>
      <c r="G67" s="115">
        <v>4912</v>
      </c>
      <c r="H67" s="115">
        <v>5105</v>
      </c>
      <c r="I67" s="115">
        <v>-51</v>
      </c>
      <c r="J67" s="115">
        <v>-17</v>
      </c>
      <c r="K67" s="115">
        <v>-34</v>
      </c>
      <c r="L67" s="116">
        <v>2.61</v>
      </c>
      <c r="M67" s="117">
        <v>45</v>
      </c>
    </row>
    <row r="68" spans="2:13" ht="23.25" customHeight="1">
      <c r="B68" s="104"/>
      <c r="C68" s="125" t="s">
        <v>65</v>
      </c>
      <c r="D68" s="130"/>
      <c r="E68" s="113">
        <v>6554</v>
      </c>
      <c r="F68" s="114">
        <v>17596</v>
      </c>
      <c r="G68" s="115">
        <v>8556</v>
      </c>
      <c r="H68" s="115">
        <v>9040</v>
      </c>
      <c r="I68" s="115">
        <v>20</v>
      </c>
      <c r="J68" s="115">
        <v>-10</v>
      </c>
      <c r="K68" s="115">
        <v>30</v>
      </c>
      <c r="L68" s="116">
        <v>2.68</v>
      </c>
      <c r="M68" s="117">
        <v>2686</v>
      </c>
    </row>
    <row r="69" spans="2:13" ht="23.25" customHeight="1">
      <c r="B69" s="131"/>
      <c r="C69" s="24" t="s">
        <v>66</v>
      </c>
      <c r="D69" s="15"/>
      <c r="E69" s="8">
        <v>20089</v>
      </c>
      <c r="F69" s="9">
        <v>42687</v>
      </c>
      <c r="G69" s="10">
        <v>20014</v>
      </c>
      <c r="H69" s="10">
        <v>22673</v>
      </c>
      <c r="I69" s="10">
        <v>-117</v>
      </c>
      <c r="J69" s="10">
        <v>-35</v>
      </c>
      <c r="K69" s="10">
        <v>-82</v>
      </c>
      <c r="L69" s="11">
        <v>2.12</v>
      </c>
      <c r="M69" s="12">
        <v>303</v>
      </c>
    </row>
    <row r="70" spans="2:13" ht="23.25" customHeight="1">
      <c r="B70" s="104"/>
      <c r="C70" s="125" t="s">
        <v>67</v>
      </c>
      <c r="D70" s="130"/>
      <c r="E70" s="113">
        <v>6217</v>
      </c>
      <c r="F70" s="114">
        <v>11433</v>
      </c>
      <c r="G70" s="115">
        <v>5468</v>
      </c>
      <c r="H70" s="115">
        <v>5965</v>
      </c>
      <c r="I70" s="115">
        <v>-45</v>
      </c>
      <c r="J70" s="115">
        <v>-10</v>
      </c>
      <c r="K70" s="115">
        <v>-35</v>
      </c>
      <c r="L70" s="116">
        <v>1.84</v>
      </c>
      <c r="M70" s="117">
        <v>123</v>
      </c>
    </row>
    <row r="71" spans="2:13" ht="23.25" customHeight="1">
      <c r="B71" s="104"/>
      <c r="C71" s="125" t="s">
        <v>68</v>
      </c>
      <c r="D71" s="130"/>
      <c r="E71" s="113">
        <v>3044</v>
      </c>
      <c r="F71" s="114">
        <v>6991</v>
      </c>
      <c r="G71" s="115">
        <v>3269</v>
      </c>
      <c r="H71" s="115">
        <v>3722</v>
      </c>
      <c r="I71" s="115">
        <v>-14</v>
      </c>
      <c r="J71" s="115">
        <v>-8</v>
      </c>
      <c r="K71" s="115">
        <v>-6</v>
      </c>
      <c r="L71" s="116">
        <v>2.2999999999999998</v>
      </c>
      <c r="M71" s="117">
        <v>992</v>
      </c>
    </row>
    <row r="72" spans="2:13" ht="23.25" customHeight="1">
      <c r="B72" s="104"/>
      <c r="C72" s="125" t="s">
        <v>83</v>
      </c>
      <c r="D72" s="130"/>
      <c r="E72" s="113">
        <v>10828</v>
      </c>
      <c r="F72" s="114">
        <v>24263</v>
      </c>
      <c r="G72" s="115">
        <v>11277</v>
      </c>
      <c r="H72" s="115">
        <v>12986</v>
      </c>
      <c r="I72" s="115">
        <v>-58</v>
      </c>
      <c r="J72" s="115">
        <v>-17</v>
      </c>
      <c r="K72" s="115">
        <v>-41</v>
      </c>
      <c r="L72" s="116">
        <v>2.2400000000000002</v>
      </c>
      <c r="M72" s="117">
        <v>592</v>
      </c>
    </row>
    <row r="73" spans="2:13" ht="23.25" customHeight="1">
      <c r="B73" s="131"/>
      <c r="C73" s="24" t="s">
        <v>69</v>
      </c>
      <c r="D73" s="15"/>
      <c r="E73" s="8">
        <v>17577</v>
      </c>
      <c r="F73" s="9">
        <v>42926</v>
      </c>
      <c r="G73" s="10">
        <v>22332</v>
      </c>
      <c r="H73" s="10">
        <v>20594</v>
      </c>
      <c r="I73" s="10">
        <v>-125</v>
      </c>
      <c r="J73" s="10">
        <v>-34</v>
      </c>
      <c r="K73" s="10">
        <v>-91</v>
      </c>
      <c r="L73" s="11">
        <v>2.44</v>
      </c>
      <c r="M73" s="12">
        <v>407</v>
      </c>
    </row>
    <row r="74" spans="2:13" ht="23.25" customHeight="1">
      <c r="B74" s="104"/>
      <c r="C74" s="125" t="s">
        <v>70</v>
      </c>
      <c r="D74" s="130"/>
      <c r="E74" s="113">
        <v>16431</v>
      </c>
      <c r="F74" s="114">
        <v>39788</v>
      </c>
      <c r="G74" s="115">
        <v>20726</v>
      </c>
      <c r="H74" s="115">
        <v>19062</v>
      </c>
      <c r="I74" s="115">
        <v>-138</v>
      </c>
      <c r="J74" s="115">
        <v>-33</v>
      </c>
      <c r="K74" s="115">
        <v>-105</v>
      </c>
      <c r="L74" s="116">
        <v>2.42</v>
      </c>
      <c r="M74" s="117">
        <v>1161</v>
      </c>
    </row>
    <row r="75" spans="2:13" ht="23.25" customHeight="1">
      <c r="B75" s="104"/>
      <c r="C75" s="125" t="s">
        <v>71</v>
      </c>
      <c r="D75" s="130"/>
      <c r="E75" s="113">
        <v>1146</v>
      </c>
      <c r="F75" s="114">
        <v>3138</v>
      </c>
      <c r="G75" s="115">
        <v>1606</v>
      </c>
      <c r="H75" s="115">
        <v>1532</v>
      </c>
      <c r="I75" s="115">
        <v>13</v>
      </c>
      <c r="J75" s="115">
        <v>-1</v>
      </c>
      <c r="K75" s="115">
        <v>14</v>
      </c>
      <c r="L75" s="116">
        <v>2.74</v>
      </c>
      <c r="M75" s="117">
        <v>44</v>
      </c>
    </row>
    <row r="76" spans="2:13" ht="14.25" thickBot="1">
      <c r="B76" s="132"/>
      <c r="C76" s="133"/>
      <c r="D76" s="133"/>
      <c r="E76" s="134"/>
      <c r="F76" s="135"/>
      <c r="G76" s="135"/>
      <c r="H76" s="135"/>
      <c r="I76" s="135"/>
      <c r="J76" s="135"/>
      <c r="K76" s="135"/>
      <c r="L76" s="135"/>
      <c r="M76" s="136"/>
    </row>
    <row r="77" spans="2:13">
      <c r="M77" s="137" t="s">
        <v>80</v>
      </c>
    </row>
  </sheetData>
  <mergeCells count="2">
    <mergeCell ref="C4:C5"/>
    <mergeCell ref="E4:E5"/>
  </mergeCells>
  <phoneticPr fontId="7"/>
  <printOptions horizontalCentered="1" gridLinesSet="0"/>
  <pageMargins left="0.23622047244094491" right="0.23622047244094491" top="0.74803149606299213" bottom="0.74803149606299213" header="0.31496062992125984" footer="0.31496062992125984"/>
  <pageSetup paperSize="9" scale="78" orientation="portrait" r:id="rId1"/>
  <headerFooter alignWithMargins="0"/>
  <rowBreaks count="1" manualBreakCount="1">
    <brk id="41" min="1" max="12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A1" transitionEvaluation="1"/>
  <dimension ref="B1:O77"/>
  <sheetViews>
    <sheetView showGridLines="0" view="pageBreakPreview" zoomScale="75" zoomScaleNormal="100" zoomScaleSheetLayoutView="75" workbookViewId="0"/>
  </sheetViews>
  <sheetFormatPr defaultColWidth="12.125" defaultRowHeight="13.5"/>
  <cols>
    <col min="1" max="1" width="12.125" style="80" customWidth="1"/>
    <col min="2" max="2" width="1.625" style="80" customWidth="1"/>
    <col min="3" max="3" width="12.375" style="5" customWidth="1"/>
    <col min="4" max="4" width="1.625" style="5" customWidth="1"/>
    <col min="5" max="8" width="12.625" style="5" customWidth="1"/>
    <col min="9" max="13" width="10.625" style="5" customWidth="1"/>
    <col min="14" max="14" width="19" style="80" customWidth="1"/>
    <col min="15" max="15" width="16.75" style="80" customWidth="1"/>
    <col min="16" max="19" width="14.375" style="80" customWidth="1"/>
    <col min="20" max="16384" width="12.125" style="80"/>
  </cols>
  <sheetData>
    <row r="1" spans="2:15" ht="24">
      <c r="C1" s="81" t="s">
        <v>9</v>
      </c>
      <c r="D1" s="82"/>
      <c r="E1" s="83"/>
      <c r="F1" s="84"/>
      <c r="G1" s="84"/>
      <c r="H1" s="84"/>
      <c r="I1" s="84"/>
      <c r="J1" s="84"/>
      <c r="K1" s="84"/>
      <c r="L1" s="84"/>
      <c r="M1" s="85"/>
    </row>
    <row r="3" spans="2:15" ht="21.95" customHeight="1" thickBot="1">
      <c r="C3" s="138" t="s">
        <v>99</v>
      </c>
      <c r="D3" s="139"/>
      <c r="E3" s="140"/>
      <c r="F3" s="140"/>
      <c r="G3" s="140"/>
      <c r="H3" s="140"/>
      <c r="I3" s="140"/>
      <c r="J3" s="140"/>
      <c r="K3" s="140"/>
      <c r="L3" s="140"/>
      <c r="M3" s="141" t="s">
        <v>86</v>
      </c>
    </row>
    <row r="4" spans="2:15" ht="18" customHeight="1">
      <c r="B4" s="90"/>
      <c r="C4" s="202" t="s">
        <v>10</v>
      </c>
      <c r="D4" s="91"/>
      <c r="E4" s="204" t="s">
        <v>11</v>
      </c>
      <c r="F4" s="92" t="s">
        <v>6</v>
      </c>
      <c r="G4" s="93"/>
      <c r="H4" s="94" t="s">
        <v>7</v>
      </c>
      <c r="I4" s="95" t="s">
        <v>72</v>
      </c>
      <c r="J4" s="96"/>
      <c r="K4" s="96"/>
      <c r="L4" s="97" t="s">
        <v>0</v>
      </c>
      <c r="M4" s="98" t="s">
        <v>3</v>
      </c>
      <c r="N4" s="99"/>
    </row>
    <row r="5" spans="2:15" ht="18" customHeight="1" thickBot="1">
      <c r="B5" s="100"/>
      <c r="C5" s="203"/>
      <c r="D5" s="101"/>
      <c r="E5" s="205"/>
      <c r="F5" s="102" t="s">
        <v>12</v>
      </c>
      <c r="G5" s="102" t="s">
        <v>1</v>
      </c>
      <c r="H5" s="102" t="s">
        <v>2</v>
      </c>
      <c r="I5" s="102" t="s">
        <v>5</v>
      </c>
      <c r="J5" s="102" t="s">
        <v>13</v>
      </c>
      <c r="K5" s="102" t="s">
        <v>14</v>
      </c>
      <c r="L5" s="102" t="s">
        <v>4</v>
      </c>
      <c r="M5" s="103" t="s">
        <v>15</v>
      </c>
      <c r="N5" s="99"/>
    </row>
    <row r="6" spans="2:15" ht="18" customHeight="1">
      <c r="B6" s="104"/>
      <c r="C6" s="105"/>
      <c r="D6" s="105"/>
      <c r="E6" s="106" t="s">
        <v>8</v>
      </c>
      <c r="F6" s="107" t="s">
        <v>6</v>
      </c>
      <c r="G6" s="107" t="s">
        <v>6</v>
      </c>
      <c r="H6" s="107" t="s">
        <v>6</v>
      </c>
      <c r="I6" s="107" t="s">
        <v>6</v>
      </c>
      <c r="J6" s="107" t="s">
        <v>6</v>
      </c>
      <c r="K6" s="107" t="s">
        <v>6</v>
      </c>
      <c r="L6" s="107" t="s">
        <v>6</v>
      </c>
      <c r="M6" s="108" t="s">
        <v>6</v>
      </c>
      <c r="N6" s="99"/>
    </row>
    <row r="7" spans="2:15" ht="24" customHeight="1">
      <c r="B7" s="16"/>
      <c r="C7" s="23" t="s">
        <v>100</v>
      </c>
      <c r="D7" s="17"/>
      <c r="E7" s="18">
        <v>4102011</v>
      </c>
      <c r="F7" s="19">
        <v>9177834</v>
      </c>
      <c r="G7" s="20">
        <v>4578017</v>
      </c>
      <c r="H7" s="20">
        <v>4599817</v>
      </c>
      <c r="I7" s="20">
        <v>16721</v>
      </c>
      <c r="J7" s="20">
        <v>-1102</v>
      </c>
      <c r="K7" s="20">
        <v>17823</v>
      </c>
      <c r="L7" s="21">
        <v>2.2400000000000002</v>
      </c>
      <c r="M7" s="22">
        <v>3799</v>
      </c>
      <c r="N7" s="109"/>
    </row>
    <row r="8" spans="2:15" ht="24" customHeight="1">
      <c r="B8" s="110"/>
      <c r="C8" s="111" t="s">
        <v>101</v>
      </c>
      <c r="D8" s="112"/>
      <c r="E8" s="113">
        <v>3983425</v>
      </c>
      <c r="F8" s="114">
        <v>8887500</v>
      </c>
      <c r="G8" s="115">
        <v>4435113</v>
      </c>
      <c r="H8" s="115">
        <v>4452387</v>
      </c>
      <c r="I8" s="115">
        <v>16490</v>
      </c>
      <c r="J8" s="115">
        <v>-956</v>
      </c>
      <c r="K8" s="115">
        <v>17446</v>
      </c>
      <c r="L8" s="116">
        <v>2.23</v>
      </c>
      <c r="M8" s="117">
        <v>4911</v>
      </c>
      <c r="N8" s="109"/>
    </row>
    <row r="9" spans="2:15" ht="24" customHeight="1">
      <c r="B9" s="110"/>
      <c r="C9" s="111" t="s">
        <v>16</v>
      </c>
      <c r="D9" s="112"/>
      <c r="E9" s="113">
        <v>118586</v>
      </c>
      <c r="F9" s="114">
        <v>290334</v>
      </c>
      <c r="G9" s="115">
        <v>142904</v>
      </c>
      <c r="H9" s="115">
        <v>147430</v>
      </c>
      <c r="I9" s="115">
        <v>231</v>
      </c>
      <c r="J9" s="115">
        <v>-146</v>
      </c>
      <c r="K9" s="115">
        <v>377</v>
      </c>
      <c r="L9" s="116">
        <v>2.4500000000000002</v>
      </c>
      <c r="M9" s="117">
        <v>479</v>
      </c>
      <c r="N9" s="109"/>
    </row>
    <row r="10" spans="2:15" ht="24" customHeight="1">
      <c r="B10" s="110"/>
      <c r="C10" s="118"/>
      <c r="D10" s="118"/>
      <c r="E10" s="119"/>
      <c r="F10" s="120"/>
      <c r="G10" s="121"/>
      <c r="H10" s="121"/>
      <c r="I10" s="121"/>
      <c r="J10" s="121"/>
      <c r="K10" s="121"/>
      <c r="L10" s="122"/>
      <c r="M10" s="123"/>
      <c r="N10" s="109"/>
    </row>
    <row r="11" spans="2:15" ht="24" customHeight="1">
      <c r="B11" s="124"/>
      <c r="C11" s="24" t="s">
        <v>17</v>
      </c>
      <c r="D11" s="7"/>
      <c r="E11" s="8">
        <v>1687330</v>
      </c>
      <c r="F11" s="9">
        <v>3739030</v>
      </c>
      <c r="G11" s="10">
        <v>1858678</v>
      </c>
      <c r="H11" s="10">
        <v>1880352</v>
      </c>
      <c r="I11" s="10">
        <v>7324</v>
      </c>
      <c r="J11" s="10">
        <v>-401</v>
      </c>
      <c r="K11" s="10">
        <v>7725</v>
      </c>
      <c r="L11" s="11">
        <v>2.2200000000000002</v>
      </c>
      <c r="M11" s="12">
        <v>8545</v>
      </c>
      <c r="N11" s="109"/>
    </row>
    <row r="12" spans="2:15" ht="24" customHeight="1">
      <c r="B12" s="110"/>
      <c r="C12" s="125" t="s">
        <v>18</v>
      </c>
      <c r="D12" s="112"/>
      <c r="E12" s="113">
        <v>137576</v>
      </c>
      <c r="F12" s="114">
        <v>290546</v>
      </c>
      <c r="G12" s="115">
        <v>150096</v>
      </c>
      <c r="H12" s="115">
        <v>140450</v>
      </c>
      <c r="I12" s="115">
        <v>950</v>
      </c>
      <c r="J12" s="115">
        <v>-2</v>
      </c>
      <c r="K12" s="115">
        <v>952</v>
      </c>
      <c r="L12" s="116">
        <v>2.11</v>
      </c>
      <c r="M12" s="117">
        <v>8743</v>
      </c>
      <c r="N12" s="109"/>
    </row>
    <row r="13" spans="2:15" ht="24" customHeight="1">
      <c r="B13" s="110"/>
      <c r="C13" s="126" t="s">
        <v>102</v>
      </c>
      <c r="D13" s="112"/>
      <c r="E13" s="113">
        <v>123929</v>
      </c>
      <c r="F13" s="114">
        <v>242973</v>
      </c>
      <c r="G13" s="115">
        <v>123442</v>
      </c>
      <c r="H13" s="115">
        <v>119531</v>
      </c>
      <c r="I13" s="115">
        <v>636</v>
      </c>
      <c r="J13" s="115">
        <v>-9</v>
      </c>
      <c r="K13" s="115">
        <v>645</v>
      </c>
      <c r="L13" s="116">
        <v>1.96</v>
      </c>
      <c r="M13" s="117">
        <v>10239</v>
      </c>
      <c r="N13" s="109"/>
    </row>
    <row r="14" spans="2:15" ht="24" customHeight="1">
      <c r="B14" s="110"/>
      <c r="C14" s="125" t="s">
        <v>19</v>
      </c>
      <c r="D14" s="112"/>
      <c r="E14" s="113">
        <v>54042</v>
      </c>
      <c r="F14" s="114">
        <v>101312</v>
      </c>
      <c r="G14" s="115">
        <v>51296</v>
      </c>
      <c r="H14" s="115">
        <v>50016</v>
      </c>
      <c r="I14" s="115">
        <v>503</v>
      </c>
      <c r="J14" s="115">
        <v>-9</v>
      </c>
      <c r="K14" s="115">
        <v>512</v>
      </c>
      <c r="L14" s="116">
        <v>1.87</v>
      </c>
      <c r="M14" s="117">
        <v>14411</v>
      </c>
      <c r="N14" s="109"/>
      <c r="O14" s="4"/>
    </row>
    <row r="15" spans="2:15" ht="24" customHeight="1">
      <c r="B15" s="110"/>
      <c r="C15" s="125" t="s">
        <v>20</v>
      </c>
      <c r="D15" s="112"/>
      <c r="E15" s="113">
        <v>80183</v>
      </c>
      <c r="F15" s="114">
        <v>149033</v>
      </c>
      <c r="G15" s="115">
        <v>78273</v>
      </c>
      <c r="H15" s="115">
        <v>70760</v>
      </c>
      <c r="I15" s="115">
        <v>309</v>
      </c>
      <c r="J15" s="115">
        <v>-33</v>
      </c>
      <c r="K15" s="115">
        <v>342</v>
      </c>
      <c r="L15" s="116">
        <v>1.86</v>
      </c>
      <c r="M15" s="117">
        <v>7003</v>
      </c>
      <c r="N15" s="109"/>
    </row>
    <row r="16" spans="2:15" ht="24" customHeight="1">
      <c r="B16" s="110"/>
      <c r="C16" s="125" t="s">
        <v>21</v>
      </c>
      <c r="D16" s="112"/>
      <c r="E16" s="113">
        <v>98418</v>
      </c>
      <c r="F16" s="114">
        <v>195452</v>
      </c>
      <c r="G16" s="115">
        <v>97207</v>
      </c>
      <c r="H16" s="115">
        <v>98245</v>
      </c>
      <c r="I16" s="115">
        <v>460</v>
      </c>
      <c r="J16" s="115">
        <v>-71</v>
      </c>
      <c r="K16" s="115">
        <v>531</v>
      </c>
      <c r="L16" s="116">
        <v>1.99</v>
      </c>
      <c r="M16" s="117">
        <v>15451</v>
      </c>
      <c r="N16" s="109"/>
    </row>
    <row r="17" spans="2:14" ht="24" customHeight="1">
      <c r="B17" s="110"/>
      <c r="C17" s="125" t="s">
        <v>22</v>
      </c>
      <c r="D17" s="112"/>
      <c r="E17" s="113">
        <v>92857</v>
      </c>
      <c r="F17" s="114">
        <v>214259</v>
      </c>
      <c r="G17" s="115">
        <v>105050</v>
      </c>
      <c r="H17" s="115">
        <v>109209</v>
      </c>
      <c r="I17" s="115">
        <v>257</v>
      </c>
      <c r="J17" s="115">
        <v>-50</v>
      </c>
      <c r="K17" s="115">
        <v>307</v>
      </c>
      <c r="L17" s="116">
        <v>2.31</v>
      </c>
      <c r="M17" s="117">
        <v>10767</v>
      </c>
      <c r="N17" s="109"/>
    </row>
    <row r="18" spans="2:14" ht="24" customHeight="1">
      <c r="B18" s="110"/>
      <c r="C18" s="126" t="s">
        <v>103</v>
      </c>
      <c r="D18" s="127"/>
      <c r="E18" s="113">
        <v>95164</v>
      </c>
      <c r="F18" s="114">
        <v>206048</v>
      </c>
      <c r="G18" s="115">
        <v>102551</v>
      </c>
      <c r="H18" s="115">
        <v>103497</v>
      </c>
      <c r="I18" s="115">
        <v>159</v>
      </c>
      <c r="J18" s="115">
        <v>-80</v>
      </c>
      <c r="K18" s="115">
        <v>239</v>
      </c>
      <c r="L18" s="116">
        <v>2.17</v>
      </c>
      <c r="M18" s="117">
        <v>9396</v>
      </c>
      <c r="N18" s="109"/>
    </row>
    <row r="19" spans="2:14" ht="24" customHeight="1">
      <c r="B19" s="110"/>
      <c r="C19" s="125" t="s">
        <v>23</v>
      </c>
      <c r="D19" s="112"/>
      <c r="E19" s="113">
        <v>104789</v>
      </c>
      <c r="F19" s="114">
        <v>245649</v>
      </c>
      <c r="G19" s="115">
        <v>118968</v>
      </c>
      <c r="H19" s="115">
        <v>126681</v>
      </c>
      <c r="I19" s="115">
        <v>261</v>
      </c>
      <c r="J19" s="115">
        <v>-48</v>
      </c>
      <c r="K19" s="115">
        <v>309</v>
      </c>
      <c r="L19" s="116">
        <v>2.34</v>
      </c>
      <c r="M19" s="117">
        <v>7505</v>
      </c>
      <c r="N19" s="109"/>
    </row>
    <row r="20" spans="2:14" ht="24" customHeight="1">
      <c r="B20" s="110"/>
      <c r="C20" s="125" t="s">
        <v>24</v>
      </c>
      <c r="D20" s="112"/>
      <c r="E20" s="113">
        <v>76232</v>
      </c>
      <c r="F20" s="114">
        <v>166515</v>
      </c>
      <c r="G20" s="115">
        <v>81875</v>
      </c>
      <c r="H20" s="115">
        <v>84640</v>
      </c>
      <c r="I20" s="115">
        <v>85</v>
      </c>
      <c r="J20" s="115">
        <v>-40</v>
      </c>
      <c r="K20" s="115">
        <v>125</v>
      </c>
      <c r="L20" s="116">
        <v>2.1800000000000002</v>
      </c>
      <c r="M20" s="117">
        <v>8741</v>
      </c>
      <c r="N20" s="109"/>
    </row>
    <row r="21" spans="2:14" ht="24" customHeight="1">
      <c r="B21" s="110"/>
      <c r="C21" s="125" t="s">
        <v>25</v>
      </c>
      <c r="D21" s="112"/>
      <c r="E21" s="113">
        <v>87941</v>
      </c>
      <c r="F21" s="114">
        <v>199610</v>
      </c>
      <c r="G21" s="115">
        <v>97720</v>
      </c>
      <c r="H21" s="115">
        <v>101890</v>
      </c>
      <c r="I21" s="115">
        <v>128</v>
      </c>
      <c r="J21" s="115">
        <v>-56</v>
      </c>
      <c r="K21" s="115">
        <v>184</v>
      </c>
      <c r="L21" s="116">
        <v>2.27</v>
      </c>
      <c r="M21" s="117">
        <v>6447</v>
      </c>
      <c r="N21" s="109"/>
    </row>
    <row r="22" spans="2:14" ht="24" customHeight="1">
      <c r="B22" s="110"/>
      <c r="C22" s="125" t="s">
        <v>26</v>
      </c>
      <c r="D22" s="112"/>
      <c r="E22" s="113">
        <v>168173</v>
      </c>
      <c r="F22" s="114">
        <v>350381</v>
      </c>
      <c r="G22" s="115">
        <v>177193</v>
      </c>
      <c r="H22" s="115">
        <v>173188</v>
      </c>
      <c r="I22" s="115">
        <v>1013</v>
      </c>
      <c r="J22" s="115">
        <v>98</v>
      </c>
      <c r="K22" s="115">
        <v>915</v>
      </c>
      <c r="L22" s="116">
        <v>2.08</v>
      </c>
      <c r="M22" s="117">
        <v>11159</v>
      </c>
      <c r="N22" s="109"/>
    </row>
    <row r="23" spans="2:14" ht="24" customHeight="1">
      <c r="B23" s="110"/>
      <c r="C23" s="125" t="s">
        <v>27</v>
      </c>
      <c r="D23" s="112"/>
      <c r="E23" s="113">
        <v>76659</v>
      </c>
      <c r="F23" s="114">
        <v>181390</v>
      </c>
      <c r="G23" s="115">
        <v>89241</v>
      </c>
      <c r="H23" s="115">
        <v>92149</v>
      </c>
      <c r="I23" s="115">
        <v>496</v>
      </c>
      <c r="J23" s="115">
        <v>-40</v>
      </c>
      <c r="K23" s="115">
        <v>536</v>
      </c>
      <c r="L23" s="116">
        <v>2.37</v>
      </c>
      <c r="M23" s="117">
        <v>7111</v>
      </c>
      <c r="N23" s="109"/>
    </row>
    <row r="24" spans="2:14" ht="24" customHeight="1">
      <c r="B24" s="110"/>
      <c r="C24" s="125" t="s">
        <v>28</v>
      </c>
      <c r="D24" s="112"/>
      <c r="E24" s="113">
        <v>127900</v>
      </c>
      <c r="F24" s="114">
        <v>309869</v>
      </c>
      <c r="G24" s="115">
        <v>150675</v>
      </c>
      <c r="H24" s="115">
        <v>159194</v>
      </c>
      <c r="I24" s="115">
        <v>536</v>
      </c>
      <c r="J24" s="115">
        <v>29</v>
      </c>
      <c r="K24" s="115">
        <v>507</v>
      </c>
      <c r="L24" s="116">
        <v>2.42</v>
      </c>
      <c r="M24" s="117">
        <v>8798</v>
      </c>
      <c r="N24" s="109"/>
    </row>
    <row r="25" spans="2:14" ht="24" customHeight="1">
      <c r="B25" s="110"/>
      <c r="C25" s="125" t="s">
        <v>29</v>
      </c>
      <c r="D25" s="112"/>
      <c r="E25" s="113">
        <v>82027</v>
      </c>
      <c r="F25" s="114">
        <v>211155</v>
      </c>
      <c r="G25" s="115">
        <v>105223</v>
      </c>
      <c r="H25" s="115">
        <v>105932</v>
      </c>
      <c r="I25" s="115">
        <v>521</v>
      </c>
      <c r="J25" s="115">
        <v>15</v>
      </c>
      <c r="K25" s="115">
        <v>506</v>
      </c>
      <c r="L25" s="116">
        <v>2.57</v>
      </c>
      <c r="M25" s="117">
        <v>7576</v>
      </c>
      <c r="N25" s="109"/>
    </row>
    <row r="26" spans="2:14" ht="24" customHeight="1">
      <c r="B26" s="110"/>
      <c r="C26" s="125" t="s">
        <v>30</v>
      </c>
      <c r="D26" s="112"/>
      <c r="E26" s="113">
        <v>117175</v>
      </c>
      <c r="F26" s="114">
        <v>278141</v>
      </c>
      <c r="G26" s="115">
        <v>136238</v>
      </c>
      <c r="H26" s="115">
        <v>141903</v>
      </c>
      <c r="I26" s="115">
        <v>668</v>
      </c>
      <c r="J26" s="115">
        <v>4</v>
      </c>
      <c r="K26" s="115">
        <v>664</v>
      </c>
      <c r="L26" s="116">
        <v>2.37</v>
      </c>
      <c r="M26" s="117">
        <v>7771</v>
      </c>
      <c r="N26" s="109"/>
    </row>
    <row r="27" spans="2:14" ht="24" customHeight="1">
      <c r="B27" s="110"/>
      <c r="C27" s="125" t="s">
        <v>31</v>
      </c>
      <c r="D27" s="112"/>
      <c r="E27" s="113">
        <v>51429</v>
      </c>
      <c r="F27" s="114">
        <v>120711</v>
      </c>
      <c r="G27" s="115">
        <v>58889</v>
      </c>
      <c r="H27" s="115">
        <v>61822</v>
      </c>
      <c r="I27" s="115">
        <v>329</v>
      </c>
      <c r="J27" s="115">
        <v>-44</v>
      </c>
      <c r="K27" s="115">
        <v>373</v>
      </c>
      <c r="L27" s="116">
        <v>2.35</v>
      </c>
      <c r="M27" s="117">
        <v>6518</v>
      </c>
      <c r="N27" s="109"/>
    </row>
    <row r="28" spans="2:14" ht="24" customHeight="1">
      <c r="B28" s="110"/>
      <c r="C28" s="125" t="s">
        <v>32</v>
      </c>
      <c r="D28" s="112"/>
      <c r="E28" s="113">
        <v>61724</v>
      </c>
      <c r="F28" s="114">
        <v>152834</v>
      </c>
      <c r="G28" s="115">
        <v>74664</v>
      </c>
      <c r="H28" s="115">
        <v>78170</v>
      </c>
      <c r="I28" s="115">
        <v>3</v>
      </c>
      <c r="J28" s="115">
        <v>-48</v>
      </c>
      <c r="K28" s="115">
        <v>51</v>
      </c>
      <c r="L28" s="116">
        <v>2.48</v>
      </c>
      <c r="M28" s="117">
        <v>6482</v>
      </c>
      <c r="N28" s="109"/>
    </row>
    <row r="29" spans="2:14" ht="24" customHeight="1">
      <c r="B29" s="110"/>
      <c r="C29" s="125" t="s">
        <v>33</v>
      </c>
      <c r="D29" s="112"/>
      <c r="E29" s="113">
        <v>51112</v>
      </c>
      <c r="F29" s="114">
        <v>123152</v>
      </c>
      <c r="G29" s="115">
        <v>60077</v>
      </c>
      <c r="H29" s="115">
        <v>63075</v>
      </c>
      <c r="I29" s="115">
        <v>10</v>
      </c>
      <c r="J29" s="115">
        <v>-17</v>
      </c>
      <c r="K29" s="115">
        <v>27</v>
      </c>
      <c r="L29" s="116">
        <v>2.41</v>
      </c>
      <c r="M29" s="117">
        <v>7173</v>
      </c>
      <c r="N29" s="109"/>
    </row>
    <row r="30" spans="2:14" ht="24" customHeight="1">
      <c r="B30" s="124"/>
      <c r="C30" s="24" t="s">
        <v>34</v>
      </c>
      <c r="D30" s="7"/>
      <c r="E30" s="8">
        <v>725938</v>
      </c>
      <c r="F30" s="9">
        <v>1513757</v>
      </c>
      <c r="G30" s="10">
        <v>767023</v>
      </c>
      <c r="H30" s="10">
        <v>746734</v>
      </c>
      <c r="I30" s="10">
        <v>3870</v>
      </c>
      <c r="J30" s="10">
        <v>198</v>
      </c>
      <c r="K30" s="10">
        <v>3672</v>
      </c>
      <c r="L30" s="11">
        <v>2.09</v>
      </c>
      <c r="M30" s="12">
        <v>10585</v>
      </c>
      <c r="N30" s="109"/>
    </row>
    <row r="31" spans="2:14" ht="24" customHeight="1">
      <c r="B31" s="110"/>
      <c r="C31" s="125" t="s">
        <v>35</v>
      </c>
      <c r="D31" s="112"/>
      <c r="E31" s="113">
        <v>117708</v>
      </c>
      <c r="F31" s="114">
        <v>231041</v>
      </c>
      <c r="G31" s="115">
        <v>124076</v>
      </c>
      <c r="H31" s="115">
        <v>106965</v>
      </c>
      <c r="I31" s="115">
        <v>688</v>
      </c>
      <c r="J31" s="115">
        <v>-39</v>
      </c>
      <c r="K31" s="115">
        <v>727</v>
      </c>
      <c r="L31" s="116">
        <v>1.96</v>
      </c>
      <c r="M31" s="117">
        <v>5845</v>
      </c>
      <c r="N31" s="109"/>
    </row>
    <row r="32" spans="2:14" ht="24" customHeight="1">
      <c r="B32" s="110"/>
      <c r="C32" s="125" t="s">
        <v>104</v>
      </c>
      <c r="D32" s="112"/>
      <c r="E32" s="113">
        <v>79391</v>
      </c>
      <c r="F32" s="114">
        <v>166912</v>
      </c>
      <c r="G32" s="115">
        <v>84226</v>
      </c>
      <c r="H32" s="115">
        <v>82686</v>
      </c>
      <c r="I32" s="115">
        <v>335</v>
      </c>
      <c r="J32" s="115">
        <v>15</v>
      </c>
      <c r="K32" s="115">
        <v>320</v>
      </c>
      <c r="L32" s="116">
        <v>2.1</v>
      </c>
      <c r="M32" s="117">
        <v>16675</v>
      </c>
      <c r="N32" s="109"/>
    </row>
    <row r="33" spans="2:14" ht="24" customHeight="1">
      <c r="B33" s="110"/>
      <c r="C33" s="125" t="s">
        <v>36</v>
      </c>
      <c r="D33" s="112"/>
      <c r="E33" s="113">
        <v>130429</v>
      </c>
      <c r="F33" s="114">
        <v>257479</v>
      </c>
      <c r="G33" s="115">
        <v>131481</v>
      </c>
      <c r="H33" s="115">
        <v>125998</v>
      </c>
      <c r="I33" s="115">
        <v>867</v>
      </c>
      <c r="J33" s="115">
        <v>85</v>
      </c>
      <c r="K33" s="115">
        <v>782</v>
      </c>
      <c r="L33" s="116">
        <v>1.97</v>
      </c>
      <c r="M33" s="117">
        <v>17468</v>
      </c>
      <c r="N33" s="109"/>
    </row>
    <row r="34" spans="2:14" ht="24" customHeight="1">
      <c r="B34" s="110"/>
      <c r="C34" s="125" t="s">
        <v>105</v>
      </c>
      <c r="D34" s="112"/>
      <c r="E34" s="113">
        <v>111444</v>
      </c>
      <c r="F34" s="114">
        <v>231573</v>
      </c>
      <c r="G34" s="115">
        <v>116384</v>
      </c>
      <c r="H34" s="115">
        <v>115189</v>
      </c>
      <c r="I34" s="115">
        <v>419</v>
      </c>
      <c r="J34" s="115">
        <v>41</v>
      </c>
      <c r="K34" s="115">
        <v>378</v>
      </c>
      <c r="L34" s="116">
        <v>2.08</v>
      </c>
      <c r="M34" s="117">
        <v>14155</v>
      </c>
      <c r="N34" s="109"/>
    </row>
    <row r="35" spans="2:14" ht="24" customHeight="1">
      <c r="B35" s="110"/>
      <c r="C35" s="125" t="s">
        <v>37</v>
      </c>
      <c r="D35" s="112"/>
      <c r="E35" s="113">
        <v>99021</v>
      </c>
      <c r="F35" s="114">
        <v>230843</v>
      </c>
      <c r="G35" s="115">
        <v>112939</v>
      </c>
      <c r="H35" s="115">
        <v>117904</v>
      </c>
      <c r="I35" s="115">
        <v>490</v>
      </c>
      <c r="J35" s="115">
        <v>40</v>
      </c>
      <c r="K35" s="115">
        <v>450</v>
      </c>
      <c r="L35" s="116">
        <v>2.33</v>
      </c>
      <c r="M35" s="117">
        <v>12404</v>
      </c>
      <c r="N35" s="109"/>
    </row>
    <row r="36" spans="2:14" ht="24" customHeight="1">
      <c r="B36" s="110"/>
      <c r="C36" s="125" t="s">
        <v>38</v>
      </c>
      <c r="D36" s="112"/>
      <c r="E36" s="113">
        <v>110949</v>
      </c>
      <c r="F36" s="114">
        <v>217648</v>
      </c>
      <c r="G36" s="115">
        <v>111343</v>
      </c>
      <c r="H36" s="115">
        <v>106305</v>
      </c>
      <c r="I36" s="115">
        <v>625</v>
      </c>
      <c r="J36" s="115">
        <v>46</v>
      </c>
      <c r="K36" s="115">
        <v>579</v>
      </c>
      <c r="L36" s="116">
        <v>1.96</v>
      </c>
      <c r="M36" s="117">
        <v>10617</v>
      </c>
      <c r="N36" s="109"/>
    </row>
    <row r="37" spans="2:14" ht="24" customHeight="1">
      <c r="B37" s="110"/>
      <c r="C37" s="125" t="s">
        <v>39</v>
      </c>
      <c r="D37" s="112"/>
      <c r="E37" s="113">
        <v>76996</v>
      </c>
      <c r="F37" s="114">
        <v>178261</v>
      </c>
      <c r="G37" s="115">
        <v>86574</v>
      </c>
      <c r="H37" s="115">
        <v>91687</v>
      </c>
      <c r="I37" s="115">
        <v>446</v>
      </c>
      <c r="J37" s="115">
        <v>10</v>
      </c>
      <c r="K37" s="115">
        <v>436</v>
      </c>
      <c r="L37" s="116">
        <v>2.3199999999999998</v>
      </c>
      <c r="M37" s="117">
        <v>7667</v>
      </c>
      <c r="N37" s="109"/>
    </row>
    <row r="38" spans="2:14" ht="24" customHeight="1">
      <c r="B38" s="124"/>
      <c r="C38" s="24" t="s">
        <v>47</v>
      </c>
      <c r="D38" s="13"/>
      <c r="E38" s="8">
        <v>322011</v>
      </c>
      <c r="F38" s="9">
        <v>723292</v>
      </c>
      <c r="G38" s="10">
        <v>361885</v>
      </c>
      <c r="H38" s="10">
        <v>361407</v>
      </c>
      <c r="I38" s="10">
        <v>958</v>
      </c>
      <c r="J38" s="10">
        <v>-87</v>
      </c>
      <c r="K38" s="10">
        <v>1045</v>
      </c>
      <c r="L38" s="11">
        <v>2.25</v>
      </c>
      <c r="M38" s="12">
        <v>2199</v>
      </c>
      <c r="N38" s="109"/>
    </row>
    <row r="39" spans="2:14" ht="24" customHeight="1">
      <c r="B39" s="110"/>
      <c r="C39" s="125" t="s">
        <v>73</v>
      </c>
      <c r="D39" s="128"/>
      <c r="E39" s="113">
        <v>73128</v>
      </c>
      <c r="F39" s="114">
        <v>172015</v>
      </c>
      <c r="G39" s="115">
        <v>86724</v>
      </c>
      <c r="H39" s="115">
        <v>85291</v>
      </c>
      <c r="I39" s="115">
        <v>82</v>
      </c>
      <c r="J39" s="115">
        <v>-50</v>
      </c>
      <c r="K39" s="115">
        <v>132</v>
      </c>
      <c r="L39" s="116">
        <v>2.35</v>
      </c>
      <c r="M39" s="117">
        <v>677</v>
      </c>
      <c r="N39" s="109"/>
    </row>
    <row r="40" spans="2:14" ht="24" customHeight="1">
      <c r="B40" s="110"/>
      <c r="C40" s="125" t="s">
        <v>79</v>
      </c>
      <c r="D40" s="112"/>
      <c r="E40" s="113">
        <v>120791</v>
      </c>
      <c r="F40" s="114">
        <v>271952</v>
      </c>
      <c r="G40" s="115">
        <v>136640</v>
      </c>
      <c r="H40" s="115">
        <v>135312</v>
      </c>
      <c r="I40" s="115">
        <v>421</v>
      </c>
      <c r="J40" s="115">
        <v>-23</v>
      </c>
      <c r="K40" s="115">
        <v>444</v>
      </c>
      <c r="L40" s="116">
        <v>2.25</v>
      </c>
      <c r="M40" s="117">
        <v>7376</v>
      </c>
      <c r="N40" s="109"/>
    </row>
    <row r="41" spans="2:14" ht="24" customHeight="1">
      <c r="B41" s="110"/>
      <c r="C41" s="125" t="s">
        <v>74</v>
      </c>
      <c r="D41" s="112"/>
      <c r="E41" s="113">
        <v>128092</v>
      </c>
      <c r="F41" s="114">
        <v>279325</v>
      </c>
      <c r="G41" s="115">
        <v>138521</v>
      </c>
      <c r="H41" s="115">
        <v>140804</v>
      </c>
      <c r="I41" s="115">
        <v>455</v>
      </c>
      <c r="J41" s="115">
        <v>-14</v>
      </c>
      <c r="K41" s="115">
        <v>469</v>
      </c>
      <c r="L41" s="116">
        <v>2.1800000000000002</v>
      </c>
      <c r="M41" s="117">
        <v>7329</v>
      </c>
      <c r="N41" s="109"/>
    </row>
    <row r="42" spans="2:14" ht="23.25" customHeight="1">
      <c r="B42" s="110"/>
      <c r="C42" s="125" t="s">
        <v>40</v>
      </c>
      <c r="D42" s="129"/>
      <c r="E42" s="113">
        <v>167115</v>
      </c>
      <c r="F42" s="114">
        <v>400205</v>
      </c>
      <c r="G42" s="115">
        <v>200234</v>
      </c>
      <c r="H42" s="115">
        <v>199971</v>
      </c>
      <c r="I42" s="115">
        <v>2469</v>
      </c>
      <c r="J42" s="115">
        <v>-198</v>
      </c>
      <c r="K42" s="115">
        <v>2667</v>
      </c>
      <c r="L42" s="116">
        <v>2.39</v>
      </c>
      <c r="M42" s="117">
        <v>3970</v>
      </c>
      <c r="N42" s="99"/>
    </row>
    <row r="43" spans="2:14" ht="23.25" customHeight="1">
      <c r="B43" s="110"/>
      <c r="C43" s="125" t="s">
        <v>41</v>
      </c>
      <c r="D43" s="129"/>
      <c r="E43" s="113">
        <v>110604</v>
      </c>
      <c r="F43" s="114">
        <v>258066</v>
      </c>
      <c r="G43" s="115">
        <v>129367</v>
      </c>
      <c r="H43" s="115">
        <v>128699</v>
      </c>
      <c r="I43" s="115">
        <v>104</v>
      </c>
      <c r="J43" s="115">
        <v>-46</v>
      </c>
      <c r="K43" s="115">
        <v>150</v>
      </c>
      <c r="L43" s="116">
        <v>2.33</v>
      </c>
      <c r="M43" s="117">
        <v>3805</v>
      </c>
    </row>
    <row r="44" spans="2:14" ht="23.25" customHeight="1">
      <c r="B44" s="110"/>
      <c r="C44" s="125" t="s">
        <v>42</v>
      </c>
      <c r="D44" s="129"/>
      <c r="E44" s="113">
        <v>74110</v>
      </c>
      <c r="F44" s="114">
        <v>172301</v>
      </c>
      <c r="G44" s="115">
        <v>81107</v>
      </c>
      <c r="H44" s="115">
        <v>91194</v>
      </c>
      <c r="I44" s="115">
        <v>107</v>
      </c>
      <c r="J44" s="115">
        <v>-60</v>
      </c>
      <c r="K44" s="115">
        <v>167</v>
      </c>
      <c r="L44" s="116">
        <v>2.3199999999999998</v>
      </c>
      <c r="M44" s="117">
        <v>4343</v>
      </c>
    </row>
    <row r="45" spans="2:14" ht="23.25" customHeight="1">
      <c r="B45" s="110"/>
      <c r="C45" s="125" t="s">
        <v>43</v>
      </c>
      <c r="D45" s="129"/>
      <c r="E45" s="113">
        <v>186763</v>
      </c>
      <c r="F45" s="114">
        <v>430076</v>
      </c>
      <c r="G45" s="115">
        <v>212607</v>
      </c>
      <c r="H45" s="115">
        <v>217469</v>
      </c>
      <c r="I45" s="115">
        <v>759</v>
      </c>
      <c r="J45" s="115">
        <v>-11</v>
      </c>
      <c r="K45" s="115">
        <v>770</v>
      </c>
      <c r="L45" s="116">
        <v>2.2999999999999998</v>
      </c>
      <c r="M45" s="117">
        <v>6182</v>
      </c>
    </row>
    <row r="46" spans="2:14" ht="23.25" customHeight="1">
      <c r="B46" s="104"/>
      <c r="C46" s="125" t="s">
        <v>44</v>
      </c>
      <c r="D46" s="129"/>
      <c r="E46" s="113">
        <v>80912</v>
      </c>
      <c r="F46" s="114">
        <v>191366</v>
      </c>
      <c r="G46" s="115">
        <v>93159</v>
      </c>
      <c r="H46" s="115">
        <v>98207</v>
      </c>
      <c r="I46" s="115">
        <v>41</v>
      </c>
      <c r="J46" s="115">
        <v>-98</v>
      </c>
      <c r="K46" s="115">
        <v>139</v>
      </c>
      <c r="L46" s="116">
        <v>2.37</v>
      </c>
      <c r="M46" s="117">
        <v>1681</v>
      </c>
    </row>
    <row r="47" spans="2:14" ht="23.25" customHeight="1">
      <c r="B47" s="104"/>
      <c r="C47" s="125" t="s">
        <v>45</v>
      </c>
      <c r="D47" s="130"/>
      <c r="E47" s="113">
        <v>101390</v>
      </c>
      <c r="F47" s="114">
        <v>241775</v>
      </c>
      <c r="G47" s="115">
        <v>117751</v>
      </c>
      <c r="H47" s="115">
        <v>124024</v>
      </c>
      <c r="I47" s="115">
        <v>243</v>
      </c>
      <c r="J47" s="115">
        <v>-46</v>
      </c>
      <c r="K47" s="115">
        <v>289</v>
      </c>
      <c r="L47" s="116">
        <v>2.38</v>
      </c>
      <c r="M47" s="117">
        <v>6772</v>
      </c>
    </row>
    <row r="48" spans="2:14" ht="23.25" customHeight="1">
      <c r="B48" s="104"/>
      <c r="C48" s="125" t="s">
        <v>46</v>
      </c>
      <c r="D48" s="130"/>
      <c r="E48" s="113">
        <v>24581</v>
      </c>
      <c r="F48" s="114">
        <v>57219</v>
      </c>
      <c r="G48" s="115">
        <v>26728</v>
      </c>
      <c r="H48" s="115">
        <v>30491</v>
      </c>
      <c r="I48" s="115">
        <v>1</v>
      </c>
      <c r="J48" s="115">
        <v>-24</v>
      </c>
      <c r="K48" s="115">
        <v>25</v>
      </c>
      <c r="L48" s="116">
        <v>2.33</v>
      </c>
      <c r="M48" s="117">
        <v>3311</v>
      </c>
    </row>
    <row r="49" spans="2:13" ht="23.25" customHeight="1">
      <c r="B49" s="104"/>
      <c r="C49" s="125" t="s">
        <v>48</v>
      </c>
      <c r="D49" s="130"/>
      <c r="E49" s="113">
        <v>17496</v>
      </c>
      <c r="F49" s="114">
        <v>43454</v>
      </c>
      <c r="G49" s="115">
        <v>20852</v>
      </c>
      <c r="H49" s="115">
        <v>22602</v>
      </c>
      <c r="I49" s="115">
        <v>-15</v>
      </c>
      <c r="J49" s="115">
        <v>-31</v>
      </c>
      <c r="K49" s="115">
        <v>16</v>
      </c>
      <c r="L49" s="116">
        <v>2.48</v>
      </c>
      <c r="M49" s="117">
        <v>1356</v>
      </c>
    </row>
    <row r="50" spans="2:13" ht="23.25" customHeight="1">
      <c r="B50" s="104"/>
      <c r="C50" s="125" t="s">
        <v>49</v>
      </c>
      <c r="D50" s="130"/>
      <c r="E50" s="113">
        <v>71186</v>
      </c>
      <c r="F50" s="114">
        <v>165695</v>
      </c>
      <c r="G50" s="115">
        <v>84797</v>
      </c>
      <c r="H50" s="115">
        <v>80898</v>
      </c>
      <c r="I50" s="115">
        <v>135</v>
      </c>
      <c r="J50" s="115">
        <v>-55</v>
      </c>
      <c r="K50" s="115">
        <v>190</v>
      </c>
      <c r="L50" s="116">
        <v>2.33</v>
      </c>
      <c r="M50" s="117">
        <v>1597</v>
      </c>
    </row>
    <row r="51" spans="2:13" ht="23.25" customHeight="1">
      <c r="B51" s="104"/>
      <c r="C51" s="125" t="s">
        <v>50</v>
      </c>
      <c r="D51" s="130"/>
      <c r="E51" s="113">
        <v>98922</v>
      </c>
      <c r="F51" s="114">
        <v>225344</v>
      </c>
      <c r="G51" s="115">
        <v>116530</v>
      </c>
      <c r="H51" s="115">
        <v>108814</v>
      </c>
      <c r="I51" s="115">
        <v>150</v>
      </c>
      <c r="J51" s="115">
        <v>-34</v>
      </c>
      <c r="K51" s="115">
        <v>184</v>
      </c>
      <c r="L51" s="116">
        <v>2.2799999999999998</v>
      </c>
      <c r="M51" s="117">
        <v>2401</v>
      </c>
    </row>
    <row r="52" spans="2:13" ht="23.25" customHeight="1">
      <c r="B52" s="104"/>
      <c r="C52" s="125" t="s">
        <v>51</v>
      </c>
      <c r="D52" s="130"/>
      <c r="E52" s="113">
        <v>105775</v>
      </c>
      <c r="F52" s="114">
        <v>235433</v>
      </c>
      <c r="G52" s="115">
        <v>117668</v>
      </c>
      <c r="H52" s="115">
        <v>117765</v>
      </c>
      <c r="I52" s="115">
        <v>76</v>
      </c>
      <c r="J52" s="115">
        <v>-18</v>
      </c>
      <c r="K52" s="115">
        <v>94</v>
      </c>
      <c r="L52" s="116">
        <v>2.23</v>
      </c>
      <c r="M52" s="117">
        <v>8691</v>
      </c>
    </row>
    <row r="53" spans="2:13" ht="23.25" customHeight="1">
      <c r="B53" s="104"/>
      <c r="C53" s="125" t="s">
        <v>52</v>
      </c>
      <c r="D53" s="130"/>
      <c r="E53" s="113">
        <v>44932</v>
      </c>
      <c r="F53" s="114">
        <v>102532</v>
      </c>
      <c r="G53" s="115">
        <v>51987</v>
      </c>
      <c r="H53" s="115">
        <v>50545</v>
      </c>
      <c r="I53" s="115">
        <v>116</v>
      </c>
      <c r="J53" s="115">
        <v>-11</v>
      </c>
      <c r="K53" s="115">
        <v>127</v>
      </c>
      <c r="L53" s="116">
        <v>2.2799999999999998</v>
      </c>
      <c r="M53" s="117">
        <v>1845</v>
      </c>
    </row>
    <row r="54" spans="2:13" ht="23.25" customHeight="1">
      <c r="B54" s="104"/>
      <c r="C54" s="125" t="s">
        <v>53</v>
      </c>
      <c r="D54" s="130"/>
      <c r="E54" s="113">
        <v>55805</v>
      </c>
      <c r="F54" s="114">
        <v>132062</v>
      </c>
      <c r="G54" s="115">
        <v>66497</v>
      </c>
      <c r="H54" s="115">
        <v>65565</v>
      </c>
      <c r="I54" s="115">
        <v>112</v>
      </c>
      <c r="J54" s="115">
        <v>-10</v>
      </c>
      <c r="K54" s="115">
        <v>122</v>
      </c>
      <c r="L54" s="116">
        <v>2.37</v>
      </c>
      <c r="M54" s="117">
        <v>4967</v>
      </c>
    </row>
    <row r="55" spans="2:13" ht="23.25" customHeight="1">
      <c r="B55" s="104"/>
      <c r="C55" s="125" t="s">
        <v>54</v>
      </c>
      <c r="D55" s="130"/>
      <c r="E55" s="113">
        <v>57770</v>
      </c>
      <c r="F55" s="114">
        <v>129430</v>
      </c>
      <c r="G55" s="115">
        <v>64598</v>
      </c>
      <c r="H55" s="115">
        <v>64832</v>
      </c>
      <c r="I55" s="115">
        <v>43</v>
      </c>
      <c r="J55" s="115">
        <v>-4</v>
      </c>
      <c r="K55" s="115">
        <v>47</v>
      </c>
      <c r="L55" s="116">
        <v>2.2400000000000002</v>
      </c>
      <c r="M55" s="117">
        <v>7367</v>
      </c>
    </row>
    <row r="56" spans="2:13" ht="23.25" customHeight="1">
      <c r="B56" s="104"/>
      <c r="C56" s="125" t="s">
        <v>55</v>
      </c>
      <c r="D56" s="130"/>
      <c r="E56" s="113">
        <v>16505</v>
      </c>
      <c r="F56" s="114">
        <v>42422</v>
      </c>
      <c r="G56" s="115">
        <v>20889</v>
      </c>
      <c r="H56" s="115">
        <v>21533</v>
      </c>
      <c r="I56" s="115">
        <v>-5</v>
      </c>
      <c r="J56" s="115">
        <v>-13</v>
      </c>
      <c r="K56" s="115">
        <v>8</v>
      </c>
      <c r="L56" s="116">
        <v>2.57</v>
      </c>
      <c r="M56" s="117">
        <v>550</v>
      </c>
    </row>
    <row r="57" spans="2:13" ht="23.25" customHeight="1">
      <c r="B57" s="104"/>
      <c r="C57" s="125" t="s">
        <v>56</v>
      </c>
      <c r="D57" s="130"/>
      <c r="E57" s="113">
        <v>34280</v>
      </c>
      <c r="F57" s="114">
        <v>84041</v>
      </c>
      <c r="G57" s="115">
        <v>42756</v>
      </c>
      <c r="H57" s="115">
        <v>41285</v>
      </c>
      <c r="I57" s="115">
        <v>2</v>
      </c>
      <c r="J57" s="115">
        <v>-7</v>
      </c>
      <c r="K57" s="115">
        <v>9</v>
      </c>
      <c r="L57" s="116">
        <v>2.4500000000000002</v>
      </c>
      <c r="M57" s="117">
        <v>3796</v>
      </c>
    </row>
    <row r="58" spans="2:13" ht="23.25" customHeight="1">
      <c r="B58" s="104"/>
      <c r="C58" s="126" t="s">
        <v>81</v>
      </c>
      <c r="D58" s="130"/>
      <c r="E58" s="113">
        <v>12668</v>
      </c>
      <c r="F58" s="114">
        <v>31920</v>
      </c>
      <c r="G58" s="115">
        <v>15088</v>
      </c>
      <c r="H58" s="115">
        <v>16832</v>
      </c>
      <c r="I58" s="115">
        <v>18</v>
      </c>
      <c r="J58" s="115">
        <v>-19</v>
      </c>
      <c r="K58" s="115">
        <v>37</v>
      </c>
      <c r="L58" s="116">
        <v>2.52</v>
      </c>
      <c r="M58" s="117">
        <v>1873</v>
      </c>
    </row>
    <row r="59" spans="2:13" ht="23.25" customHeight="1">
      <c r="B59" s="104"/>
      <c r="C59" s="126" t="s">
        <v>106</v>
      </c>
      <c r="D59" s="130"/>
      <c r="E59" s="113">
        <v>19419</v>
      </c>
      <c r="F59" s="114">
        <v>48174</v>
      </c>
      <c r="G59" s="115">
        <v>24414</v>
      </c>
      <c r="H59" s="115">
        <v>23760</v>
      </c>
      <c r="I59" s="115">
        <v>36</v>
      </c>
      <c r="J59" s="115">
        <v>-1</v>
      </c>
      <c r="K59" s="115">
        <v>37</v>
      </c>
      <c r="L59" s="116">
        <v>2.48</v>
      </c>
      <c r="M59" s="117">
        <v>3611</v>
      </c>
    </row>
    <row r="60" spans="2:13" ht="23.25" customHeight="1">
      <c r="B60" s="131"/>
      <c r="C60" s="24" t="s">
        <v>57</v>
      </c>
      <c r="D60" s="15"/>
      <c r="E60" s="8">
        <v>23970</v>
      </c>
      <c r="F60" s="9">
        <v>59458</v>
      </c>
      <c r="G60" s="10">
        <v>28858</v>
      </c>
      <c r="H60" s="10">
        <v>30600</v>
      </c>
      <c r="I60" s="10">
        <v>7</v>
      </c>
      <c r="J60" s="10">
        <v>-41</v>
      </c>
      <c r="K60" s="10">
        <v>48</v>
      </c>
      <c r="L60" s="11">
        <v>2.48</v>
      </c>
      <c r="M60" s="12">
        <v>2265</v>
      </c>
    </row>
    <row r="61" spans="2:13" ht="23.25" customHeight="1">
      <c r="B61" s="104"/>
      <c r="C61" s="125" t="s">
        <v>58</v>
      </c>
      <c r="D61" s="130"/>
      <c r="E61" s="113">
        <v>12615</v>
      </c>
      <c r="F61" s="114">
        <v>31514</v>
      </c>
      <c r="G61" s="115">
        <v>15400</v>
      </c>
      <c r="H61" s="115">
        <v>16114</v>
      </c>
      <c r="I61" s="115">
        <v>10</v>
      </c>
      <c r="J61" s="115">
        <v>-19</v>
      </c>
      <c r="K61" s="115">
        <v>29</v>
      </c>
      <c r="L61" s="116">
        <v>2.5</v>
      </c>
      <c r="M61" s="117">
        <v>1834</v>
      </c>
    </row>
    <row r="62" spans="2:13" ht="23.25" customHeight="1">
      <c r="B62" s="104"/>
      <c r="C62" s="125" t="s">
        <v>59</v>
      </c>
      <c r="D62" s="130"/>
      <c r="E62" s="113">
        <v>11355</v>
      </c>
      <c r="F62" s="114">
        <v>27944</v>
      </c>
      <c r="G62" s="115">
        <v>13458</v>
      </c>
      <c r="H62" s="115">
        <v>14486</v>
      </c>
      <c r="I62" s="115">
        <v>-3</v>
      </c>
      <c r="J62" s="115">
        <v>-22</v>
      </c>
      <c r="K62" s="115">
        <v>19</v>
      </c>
      <c r="L62" s="116">
        <v>2.46</v>
      </c>
      <c r="M62" s="117">
        <v>3078</v>
      </c>
    </row>
    <row r="63" spans="2:13" ht="23.25" customHeight="1">
      <c r="B63" s="131"/>
      <c r="C63" s="24" t="s">
        <v>60</v>
      </c>
      <c r="D63" s="15"/>
      <c r="E63" s="8">
        <v>24707</v>
      </c>
      <c r="F63" s="9">
        <v>65036</v>
      </c>
      <c r="G63" s="10">
        <v>32108</v>
      </c>
      <c r="H63" s="10">
        <v>32928</v>
      </c>
      <c r="I63" s="10">
        <v>37</v>
      </c>
      <c r="J63" s="10">
        <v>-36</v>
      </c>
      <c r="K63" s="10">
        <v>73</v>
      </c>
      <c r="L63" s="11">
        <v>2.63</v>
      </c>
      <c r="M63" s="12">
        <v>214</v>
      </c>
    </row>
    <row r="64" spans="2:13" ht="23.25" customHeight="1">
      <c r="B64" s="104"/>
      <c r="C64" s="125" t="s">
        <v>61</v>
      </c>
      <c r="D64" s="130"/>
      <c r="E64" s="113">
        <v>3428</v>
      </c>
      <c r="F64" s="114">
        <v>9481</v>
      </c>
      <c r="G64" s="115">
        <v>4768</v>
      </c>
      <c r="H64" s="115">
        <v>4713</v>
      </c>
      <c r="I64" s="115">
        <v>-2</v>
      </c>
      <c r="J64" s="115">
        <v>-2</v>
      </c>
      <c r="K64" s="115">
        <v>0</v>
      </c>
      <c r="L64" s="116">
        <v>2.77</v>
      </c>
      <c r="M64" s="117">
        <v>474</v>
      </c>
    </row>
    <row r="65" spans="2:13" ht="23.25" customHeight="1">
      <c r="B65" s="104"/>
      <c r="C65" s="125" t="s">
        <v>62</v>
      </c>
      <c r="D65" s="130"/>
      <c r="E65" s="113">
        <v>6372</v>
      </c>
      <c r="F65" s="114">
        <v>16966</v>
      </c>
      <c r="G65" s="115">
        <v>8437</v>
      </c>
      <c r="H65" s="115">
        <v>8529</v>
      </c>
      <c r="I65" s="115">
        <v>25</v>
      </c>
      <c r="J65" s="115">
        <v>-5</v>
      </c>
      <c r="K65" s="115">
        <v>30</v>
      </c>
      <c r="L65" s="116">
        <v>2.66</v>
      </c>
      <c r="M65" s="117">
        <v>1180</v>
      </c>
    </row>
    <row r="66" spans="2:13" ht="23.25" customHeight="1">
      <c r="B66" s="104"/>
      <c r="C66" s="125" t="s">
        <v>63</v>
      </c>
      <c r="D66" s="130"/>
      <c r="E66" s="113">
        <v>4497</v>
      </c>
      <c r="F66" s="114">
        <v>10962</v>
      </c>
      <c r="G66" s="115">
        <v>5417</v>
      </c>
      <c r="H66" s="115">
        <v>5545</v>
      </c>
      <c r="I66" s="115">
        <v>0</v>
      </c>
      <c r="J66" s="115">
        <v>-11</v>
      </c>
      <c r="K66" s="115">
        <v>11</v>
      </c>
      <c r="L66" s="116">
        <v>2.44</v>
      </c>
      <c r="M66" s="117">
        <v>290</v>
      </c>
    </row>
    <row r="67" spans="2:13" ht="23.25" customHeight="1">
      <c r="B67" s="104"/>
      <c r="C67" s="125" t="s">
        <v>64</v>
      </c>
      <c r="D67" s="130"/>
      <c r="E67" s="113">
        <v>3834</v>
      </c>
      <c r="F67" s="114">
        <v>9997</v>
      </c>
      <c r="G67" s="115">
        <v>4903</v>
      </c>
      <c r="H67" s="115">
        <v>5094</v>
      </c>
      <c r="I67" s="115">
        <v>-20</v>
      </c>
      <c r="J67" s="115">
        <v>-20</v>
      </c>
      <c r="K67" s="115">
        <v>0</v>
      </c>
      <c r="L67" s="116">
        <v>2.61</v>
      </c>
      <c r="M67" s="117">
        <v>45</v>
      </c>
    </row>
    <row r="68" spans="2:13" ht="23.25" customHeight="1">
      <c r="B68" s="104"/>
      <c r="C68" s="125" t="s">
        <v>65</v>
      </c>
      <c r="D68" s="130"/>
      <c r="E68" s="113">
        <v>6576</v>
      </c>
      <c r="F68" s="114">
        <v>17630</v>
      </c>
      <c r="G68" s="115">
        <v>8583</v>
      </c>
      <c r="H68" s="115">
        <v>9047</v>
      </c>
      <c r="I68" s="115">
        <v>34</v>
      </c>
      <c r="J68" s="115">
        <v>2</v>
      </c>
      <c r="K68" s="115">
        <v>32</v>
      </c>
      <c r="L68" s="116">
        <v>2.68</v>
      </c>
      <c r="M68" s="117">
        <v>2692</v>
      </c>
    </row>
    <row r="69" spans="2:13" ht="23.25" customHeight="1">
      <c r="B69" s="131"/>
      <c r="C69" s="24" t="s">
        <v>66</v>
      </c>
      <c r="D69" s="15"/>
      <c r="E69" s="8">
        <v>20155</v>
      </c>
      <c r="F69" s="9">
        <v>42745</v>
      </c>
      <c r="G69" s="10">
        <v>20035</v>
      </c>
      <c r="H69" s="10">
        <v>22710</v>
      </c>
      <c r="I69" s="10">
        <v>58</v>
      </c>
      <c r="J69" s="10">
        <v>-36</v>
      </c>
      <c r="K69" s="10">
        <v>94</v>
      </c>
      <c r="L69" s="11">
        <v>2.12</v>
      </c>
      <c r="M69" s="12">
        <v>303</v>
      </c>
    </row>
    <row r="70" spans="2:13" ht="23.25" customHeight="1">
      <c r="B70" s="104"/>
      <c r="C70" s="125" t="s">
        <v>67</v>
      </c>
      <c r="D70" s="130"/>
      <c r="E70" s="113">
        <v>6257</v>
      </c>
      <c r="F70" s="114">
        <v>11464</v>
      </c>
      <c r="G70" s="115">
        <v>5478</v>
      </c>
      <c r="H70" s="115">
        <v>5986</v>
      </c>
      <c r="I70" s="115">
        <v>31</v>
      </c>
      <c r="J70" s="115">
        <v>-9</v>
      </c>
      <c r="K70" s="115">
        <v>40</v>
      </c>
      <c r="L70" s="116">
        <v>1.83</v>
      </c>
      <c r="M70" s="117">
        <v>123</v>
      </c>
    </row>
    <row r="71" spans="2:13" ht="23.25" customHeight="1">
      <c r="B71" s="104"/>
      <c r="C71" s="125" t="s">
        <v>68</v>
      </c>
      <c r="D71" s="130"/>
      <c r="E71" s="113">
        <v>3044</v>
      </c>
      <c r="F71" s="114">
        <v>6992</v>
      </c>
      <c r="G71" s="115">
        <v>3276</v>
      </c>
      <c r="H71" s="115">
        <v>3716</v>
      </c>
      <c r="I71" s="115">
        <v>1</v>
      </c>
      <c r="J71" s="115">
        <v>-7</v>
      </c>
      <c r="K71" s="115">
        <v>8</v>
      </c>
      <c r="L71" s="116">
        <v>2.2999999999999998</v>
      </c>
      <c r="M71" s="117">
        <v>992</v>
      </c>
    </row>
    <row r="72" spans="2:13" ht="23.25" customHeight="1">
      <c r="B72" s="104"/>
      <c r="C72" s="125" t="s">
        <v>107</v>
      </c>
      <c r="D72" s="130"/>
      <c r="E72" s="113">
        <v>10854</v>
      </c>
      <c r="F72" s="114">
        <v>24289</v>
      </c>
      <c r="G72" s="115">
        <v>11281</v>
      </c>
      <c r="H72" s="115">
        <v>13008</v>
      </c>
      <c r="I72" s="115">
        <v>26</v>
      </c>
      <c r="J72" s="115">
        <v>-20</v>
      </c>
      <c r="K72" s="115">
        <v>46</v>
      </c>
      <c r="L72" s="116">
        <v>2.2400000000000002</v>
      </c>
      <c r="M72" s="117">
        <v>593</v>
      </c>
    </row>
    <row r="73" spans="2:13" ht="23.25" customHeight="1">
      <c r="B73" s="131"/>
      <c r="C73" s="24" t="s">
        <v>69</v>
      </c>
      <c r="D73" s="15"/>
      <c r="E73" s="8">
        <v>17667</v>
      </c>
      <c r="F73" s="9">
        <v>43001</v>
      </c>
      <c r="G73" s="10">
        <v>22401</v>
      </c>
      <c r="H73" s="10">
        <v>20600</v>
      </c>
      <c r="I73" s="10">
        <v>75</v>
      </c>
      <c r="J73" s="10">
        <v>-13</v>
      </c>
      <c r="K73" s="10">
        <v>88</v>
      </c>
      <c r="L73" s="11">
        <v>2.4300000000000002</v>
      </c>
      <c r="M73" s="12">
        <v>408</v>
      </c>
    </row>
    <row r="74" spans="2:13" ht="23.25" customHeight="1">
      <c r="B74" s="104"/>
      <c r="C74" s="125" t="s">
        <v>70</v>
      </c>
      <c r="D74" s="130"/>
      <c r="E74" s="113">
        <v>16516</v>
      </c>
      <c r="F74" s="114">
        <v>39852</v>
      </c>
      <c r="G74" s="115">
        <v>20791</v>
      </c>
      <c r="H74" s="115">
        <v>19061</v>
      </c>
      <c r="I74" s="115">
        <v>64</v>
      </c>
      <c r="J74" s="115">
        <v>-11</v>
      </c>
      <c r="K74" s="115">
        <v>75</v>
      </c>
      <c r="L74" s="116">
        <v>2.41</v>
      </c>
      <c r="M74" s="117">
        <v>1163</v>
      </c>
    </row>
    <row r="75" spans="2:13" ht="23.25" customHeight="1">
      <c r="B75" s="104"/>
      <c r="C75" s="125" t="s">
        <v>71</v>
      </c>
      <c r="D75" s="130"/>
      <c r="E75" s="113">
        <v>1151</v>
      </c>
      <c r="F75" s="114">
        <v>3149</v>
      </c>
      <c r="G75" s="115">
        <v>1610</v>
      </c>
      <c r="H75" s="115">
        <v>1539</v>
      </c>
      <c r="I75" s="115">
        <v>11</v>
      </c>
      <c r="J75" s="115">
        <v>-2</v>
      </c>
      <c r="K75" s="115">
        <v>13</v>
      </c>
      <c r="L75" s="116">
        <v>2.74</v>
      </c>
      <c r="M75" s="117">
        <v>44</v>
      </c>
    </row>
    <row r="76" spans="2:13" ht="14.25" thickBot="1">
      <c r="B76" s="132"/>
      <c r="C76" s="133"/>
      <c r="D76" s="133"/>
      <c r="E76" s="134"/>
      <c r="F76" s="135"/>
      <c r="G76" s="135"/>
      <c r="H76" s="135"/>
      <c r="I76" s="135"/>
      <c r="J76" s="135"/>
      <c r="K76" s="135"/>
      <c r="L76" s="135"/>
      <c r="M76" s="143"/>
    </row>
    <row r="77" spans="2:13">
      <c r="M77" s="137" t="s">
        <v>108</v>
      </c>
    </row>
  </sheetData>
  <mergeCells count="2">
    <mergeCell ref="C4:C5"/>
    <mergeCell ref="E4:E5"/>
  </mergeCells>
  <phoneticPr fontId="7"/>
  <printOptions horizontalCentered="1" gridLinesSet="0"/>
  <pageMargins left="0.23622047244094491" right="0.23622047244094491" top="0.74803149606299213" bottom="0.74803149606299213" header="0.31496062992125984" footer="0.31496062992125984"/>
  <pageSetup paperSize="9" scale="78" orientation="portrait" r:id="rId1"/>
  <headerFooter alignWithMargins="0"/>
  <rowBreaks count="1" manualBreakCount="1">
    <brk id="41" min="1" max="12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A1" transitionEvaluation="1"/>
  <dimension ref="B1:O77"/>
  <sheetViews>
    <sheetView showGridLines="0" view="pageBreakPreview" zoomScale="75" zoomScaleNormal="100" zoomScaleSheetLayoutView="75" workbookViewId="0"/>
  </sheetViews>
  <sheetFormatPr defaultColWidth="12.125" defaultRowHeight="13.5"/>
  <cols>
    <col min="1" max="1" width="12.125" style="80" customWidth="1"/>
    <col min="2" max="2" width="1.625" style="80" customWidth="1"/>
    <col min="3" max="3" width="12.375" style="5" customWidth="1"/>
    <col min="4" max="4" width="1.625" style="5" customWidth="1"/>
    <col min="5" max="8" width="12.625" style="5" customWidth="1"/>
    <col min="9" max="13" width="10.625" style="5" customWidth="1"/>
    <col min="14" max="14" width="19" style="80" customWidth="1"/>
    <col min="15" max="15" width="16.75" style="80" customWidth="1"/>
    <col min="16" max="19" width="14.375" style="80" customWidth="1"/>
    <col min="20" max="16384" width="12.125" style="80"/>
  </cols>
  <sheetData>
    <row r="1" spans="2:15" ht="24">
      <c r="C1" s="81" t="s">
        <v>9</v>
      </c>
      <c r="D1" s="82"/>
      <c r="E1" s="83"/>
      <c r="F1" s="84"/>
      <c r="G1" s="84"/>
      <c r="H1" s="84"/>
      <c r="I1" s="84"/>
      <c r="J1" s="84"/>
      <c r="K1" s="84"/>
      <c r="L1" s="84"/>
      <c r="M1" s="85"/>
    </row>
    <row r="3" spans="2:15" ht="21.95" customHeight="1" thickBot="1">
      <c r="C3" s="138" t="s">
        <v>109</v>
      </c>
      <c r="D3" s="139"/>
      <c r="E3" s="140"/>
      <c r="F3" s="140"/>
      <c r="G3" s="140"/>
      <c r="H3" s="140"/>
      <c r="I3" s="140"/>
      <c r="J3" s="140"/>
      <c r="K3" s="140"/>
      <c r="L3" s="140"/>
      <c r="M3" s="141" t="s">
        <v>86</v>
      </c>
    </row>
    <row r="4" spans="2:15" ht="18" customHeight="1">
      <c r="B4" s="90"/>
      <c r="C4" s="202" t="s">
        <v>10</v>
      </c>
      <c r="D4" s="91"/>
      <c r="E4" s="204" t="s">
        <v>11</v>
      </c>
      <c r="F4" s="92" t="s">
        <v>6</v>
      </c>
      <c r="G4" s="93"/>
      <c r="H4" s="94" t="s">
        <v>7</v>
      </c>
      <c r="I4" s="95" t="s">
        <v>72</v>
      </c>
      <c r="J4" s="96"/>
      <c r="K4" s="96"/>
      <c r="L4" s="97" t="s">
        <v>0</v>
      </c>
      <c r="M4" s="98" t="s">
        <v>3</v>
      </c>
      <c r="N4" s="99"/>
    </row>
    <row r="5" spans="2:15" ht="18" customHeight="1" thickBot="1">
      <c r="B5" s="100"/>
      <c r="C5" s="206"/>
      <c r="D5" s="144"/>
      <c r="E5" s="205"/>
      <c r="F5" s="102" t="s">
        <v>12</v>
      </c>
      <c r="G5" s="102" t="s">
        <v>1</v>
      </c>
      <c r="H5" s="102" t="s">
        <v>2</v>
      </c>
      <c r="I5" s="102" t="s">
        <v>5</v>
      </c>
      <c r="J5" s="102" t="s">
        <v>13</v>
      </c>
      <c r="K5" s="102" t="s">
        <v>14</v>
      </c>
      <c r="L5" s="102" t="s">
        <v>4</v>
      </c>
      <c r="M5" s="103" t="s">
        <v>15</v>
      </c>
      <c r="N5" s="99"/>
    </row>
    <row r="6" spans="2:15" ht="18" customHeight="1">
      <c r="B6" s="104"/>
      <c r="C6" s="105"/>
      <c r="D6" s="105"/>
      <c r="E6" s="106" t="s">
        <v>8</v>
      </c>
      <c r="F6" s="107" t="s">
        <v>6</v>
      </c>
      <c r="G6" s="107" t="s">
        <v>6</v>
      </c>
      <c r="H6" s="107" t="s">
        <v>6</v>
      </c>
      <c r="I6" s="107" t="s">
        <v>6</v>
      </c>
      <c r="J6" s="107" t="s">
        <v>6</v>
      </c>
      <c r="K6" s="107" t="s">
        <v>6</v>
      </c>
      <c r="L6" s="107" t="s">
        <v>6</v>
      </c>
      <c r="M6" s="108" t="s">
        <v>6</v>
      </c>
      <c r="N6" s="99"/>
    </row>
    <row r="7" spans="2:15" ht="24" customHeight="1">
      <c r="B7" s="16"/>
      <c r="C7" s="23" t="s">
        <v>84</v>
      </c>
      <c r="D7" s="17"/>
      <c r="E7" s="18">
        <v>4106249</v>
      </c>
      <c r="F7" s="19">
        <v>9180700</v>
      </c>
      <c r="G7" s="20">
        <v>4579081</v>
      </c>
      <c r="H7" s="20">
        <v>4601619</v>
      </c>
      <c r="I7" s="20">
        <v>2866</v>
      </c>
      <c r="J7" s="20">
        <v>-950</v>
      </c>
      <c r="K7" s="20">
        <v>3816</v>
      </c>
      <c r="L7" s="21">
        <v>2.2400000000000002</v>
      </c>
      <c r="M7" s="22">
        <v>3800</v>
      </c>
      <c r="N7" s="109"/>
    </row>
    <row r="8" spans="2:15" ht="24" customHeight="1">
      <c r="B8" s="110"/>
      <c r="C8" s="111" t="s">
        <v>85</v>
      </c>
      <c r="D8" s="112"/>
      <c r="E8" s="113">
        <v>3987582</v>
      </c>
      <c r="F8" s="114">
        <v>8890483</v>
      </c>
      <c r="G8" s="115">
        <v>4436259</v>
      </c>
      <c r="H8" s="115">
        <v>4454224</v>
      </c>
      <c r="I8" s="115">
        <v>2983</v>
      </c>
      <c r="J8" s="115">
        <v>-809</v>
      </c>
      <c r="K8" s="115">
        <v>3792</v>
      </c>
      <c r="L8" s="116">
        <v>2.23</v>
      </c>
      <c r="M8" s="117">
        <v>4912</v>
      </c>
      <c r="N8" s="109"/>
    </row>
    <row r="9" spans="2:15" ht="24" customHeight="1">
      <c r="B9" s="110"/>
      <c r="C9" s="111" t="s">
        <v>16</v>
      </c>
      <c r="D9" s="112"/>
      <c r="E9" s="113">
        <v>118667</v>
      </c>
      <c r="F9" s="114">
        <v>290217</v>
      </c>
      <c r="G9" s="115">
        <v>142822</v>
      </c>
      <c r="H9" s="115">
        <v>147395</v>
      </c>
      <c r="I9" s="115">
        <v>-117</v>
      </c>
      <c r="J9" s="115">
        <v>-141</v>
      </c>
      <c r="K9" s="115">
        <v>24</v>
      </c>
      <c r="L9" s="116">
        <v>2.4500000000000002</v>
      </c>
      <c r="M9" s="117">
        <v>479</v>
      </c>
      <c r="N9" s="109"/>
    </row>
    <row r="10" spans="2:15" ht="24" customHeight="1">
      <c r="B10" s="110"/>
      <c r="C10" s="118"/>
      <c r="D10" s="118"/>
      <c r="E10" s="119"/>
      <c r="F10" s="120"/>
      <c r="G10" s="121"/>
      <c r="H10" s="121"/>
      <c r="I10" s="121"/>
      <c r="J10" s="121"/>
      <c r="K10" s="121"/>
      <c r="L10" s="122"/>
      <c r="M10" s="123"/>
      <c r="N10" s="109"/>
    </row>
    <row r="11" spans="2:15" ht="24" customHeight="1">
      <c r="B11" s="124"/>
      <c r="C11" s="24" t="s">
        <v>17</v>
      </c>
      <c r="D11" s="7"/>
      <c r="E11" s="8">
        <v>1688999</v>
      </c>
      <c r="F11" s="9">
        <v>3740497</v>
      </c>
      <c r="G11" s="10">
        <v>1859189</v>
      </c>
      <c r="H11" s="10">
        <v>1881308</v>
      </c>
      <c r="I11" s="10">
        <v>1467</v>
      </c>
      <c r="J11" s="10">
        <v>-249</v>
      </c>
      <c r="K11" s="10">
        <v>1716</v>
      </c>
      <c r="L11" s="11">
        <v>2.21</v>
      </c>
      <c r="M11" s="12">
        <v>8549</v>
      </c>
      <c r="N11" s="109"/>
    </row>
    <row r="12" spans="2:15" ht="24" customHeight="1">
      <c r="B12" s="110"/>
      <c r="C12" s="125" t="s">
        <v>18</v>
      </c>
      <c r="D12" s="112"/>
      <c r="E12" s="113">
        <v>137744</v>
      </c>
      <c r="F12" s="114">
        <v>290781</v>
      </c>
      <c r="G12" s="115">
        <v>150220</v>
      </c>
      <c r="H12" s="115">
        <v>140561</v>
      </c>
      <c r="I12" s="115">
        <v>235</v>
      </c>
      <c r="J12" s="115">
        <v>-1</v>
      </c>
      <c r="K12" s="115">
        <v>236</v>
      </c>
      <c r="L12" s="116">
        <v>2.11</v>
      </c>
      <c r="M12" s="117">
        <v>8751</v>
      </c>
      <c r="N12" s="109"/>
    </row>
    <row r="13" spans="2:15" ht="24" customHeight="1">
      <c r="B13" s="110"/>
      <c r="C13" s="126" t="s">
        <v>75</v>
      </c>
      <c r="D13" s="112"/>
      <c r="E13" s="113">
        <v>124121</v>
      </c>
      <c r="F13" s="114">
        <v>243245</v>
      </c>
      <c r="G13" s="115">
        <v>123539</v>
      </c>
      <c r="H13" s="115">
        <v>119706</v>
      </c>
      <c r="I13" s="115">
        <v>272</v>
      </c>
      <c r="J13" s="115">
        <v>15</v>
      </c>
      <c r="K13" s="115">
        <v>257</v>
      </c>
      <c r="L13" s="116">
        <v>1.96</v>
      </c>
      <c r="M13" s="117">
        <v>10251</v>
      </c>
      <c r="N13" s="109"/>
    </row>
    <row r="14" spans="2:15" ht="24" customHeight="1">
      <c r="B14" s="110"/>
      <c r="C14" s="125" t="s">
        <v>19</v>
      </c>
      <c r="D14" s="112"/>
      <c r="E14" s="113">
        <v>54170</v>
      </c>
      <c r="F14" s="114">
        <v>101602</v>
      </c>
      <c r="G14" s="115">
        <v>51432</v>
      </c>
      <c r="H14" s="115">
        <v>50170</v>
      </c>
      <c r="I14" s="115">
        <v>290</v>
      </c>
      <c r="J14" s="115">
        <v>-23</v>
      </c>
      <c r="K14" s="115">
        <v>313</v>
      </c>
      <c r="L14" s="116">
        <v>1.88</v>
      </c>
      <c r="M14" s="117">
        <v>14453</v>
      </c>
      <c r="N14" s="109"/>
      <c r="O14" s="4"/>
    </row>
    <row r="15" spans="2:15" ht="24" customHeight="1">
      <c r="B15" s="110"/>
      <c r="C15" s="125" t="s">
        <v>20</v>
      </c>
      <c r="D15" s="112"/>
      <c r="E15" s="113">
        <v>80178</v>
      </c>
      <c r="F15" s="114">
        <v>148990</v>
      </c>
      <c r="G15" s="115">
        <v>78233</v>
      </c>
      <c r="H15" s="115">
        <v>70757</v>
      </c>
      <c r="I15" s="115">
        <v>-43</v>
      </c>
      <c r="J15" s="115">
        <v>-63</v>
      </c>
      <c r="K15" s="115">
        <v>20</v>
      </c>
      <c r="L15" s="116">
        <v>1.86</v>
      </c>
      <c r="M15" s="117">
        <v>7001</v>
      </c>
      <c r="N15" s="109"/>
    </row>
    <row r="16" spans="2:15" ht="24" customHeight="1">
      <c r="B16" s="110"/>
      <c r="C16" s="125" t="s">
        <v>21</v>
      </c>
      <c r="D16" s="112"/>
      <c r="E16" s="113">
        <v>98464</v>
      </c>
      <c r="F16" s="114">
        <v>195460</v>
      </c>
      <c r="G16" s="115">
        <v>97199</v>
      </c>
      <c r="H16" s="115">
        <v>98261</v>
      </c>
      <c r="I16" s="115">
        <v>8</v>
      </c>
      <c r="J16" s="115">
        <v>-86</v>
      </c>
      <c r="K16" s="115">
        <v>94</v>
      </c>
      <c r="L16" s="116">
        <v>1.99</v>
      </c>
      <c r="M16" s="117">
        <v>15451</v>
      </c>
      <c r="N16" s="109"/>
    </row>
    <row r="17" spans="2:14" ht="24" customHeight="1">
      <c r="B17" s="110"/>
      <c r="C17" s="125" t="s">
        <v>22</v>
      </c>
      <c r="D17" s="112"/>
      <c r="E17" s="113">
        <v>92902</v>
      </c>
      <c r="F17" s="114">
        <v>214236</v>
      </c>
      <c r="G17" s="115">
        <v>105056</v>
      </c>
      <c r="H17" s="115">
        <v>109180</v>
      </c>
      <c r="I17" s="115">
        <v>-23</v>
      </c>
      <c r="J17" s="115">
        <v>-18</v>
      </c>
      <c r="K17" s="115">
        <v>-5</v>
      </c>
      <c r="L17" s="116">
        <v>2.31</v>
      </c>
      <c r="M17" s="117">
        <v>10766</v>
      </c>
      <c r="N17" s="109"/>
    </row>
    <row r="18" spans="2:14" ht="24" customHeight="1">
      <c r="B18" s="110"/>
      <c r="C18" s="126" t="s">
        <v>76</v>
      </c>
      <c r="D18" s="127"/>
      <c r="E18" s="113">
        <v>95187</v>
      </c>
      <c r="F18" s="114">
        <v>205919</v>
      </c>
      <c r="G18" s="115">
        <v>102484</v>
      </c>
      <c r="H18" s="115">
        <v>103435</v>
      </c>
      <c r="I18" s="115">
        <v>-129</v>
      </c>
      <c r="J18" s="115">
        <v>-62</v>
      </c>
      <c r="K18" s="115">
        <v>-67</v>
      </c>
      <c r="L18" s="116">
        <v>2.16</v>
      </c>
      <c r="M18" s="117">
        <v>9390</v>
      </c>
      <c r="N18" s="109"/>
    </row>
    <row r="19" spans="2:14" ht="24" customHeight="1">
      <c r="B19" s="110"/>
      <c r="C19" s="125" t="s">
        <v>23</v>
      </c>
      <c r="D19" s="112"/>
      <c r="E19" s="113">
        <v>105006</v>
      </c>
      <c r="F19" s="114">
        <v>245853</v>
      </c>
      <c r="G19" s="115">
        <v>119063</v>
      </c>
      <c r="H19" s="115">
        <v>126790</v>
      </c>
      <c r="I19" s="115">
        <v>204</v>
      </c>
      <c r="J19" s="115">
        <v>-61</v>
      </c>
      <c r="K19" s="115">
        <v>265</v>
      </c>
      <c r="L19" s="116">
        <v>2.34</v>
      </c>
      <c r="M19" s="117">
        <v>7512</v>
      </c>
      <c r="N19" s="109"/>
    </row>
    <row r="20" spans="2:14" ht="24" customHeight="1">
      <c r="B20" s="110"/>
      <c r="C20" s="125" t="s">
        <v>24</v>
      </c>
      <c r="D20" s="112"/>
      <c r="E20" s="113">
        <v>76379</v>
      </c>
      <c r="F20" s="114">
        <v>166653</v>
      </c>
      <c r="G20" s="115">
        <v>81933</v>
      </c>
      <c r="H20" s="115">
        <v>84720</v>
      </c>
      <c r="I20" s="115">
        <v>138</v>
      </c>
      <c r="J20" s="115">
        <v>-14</v>
      </c>
      <c r="K20" s="115">
        <v>152</v>
      </c>
      <c r="L20" s="116">
        <v>2.1800000000000002</v>
      </c>
      <c r="M20" s="117">
        <v>8748</v>
      </c>
      <c r="N20" s="109"/>
    </row>
    <row r="21" spans="2:14" ht="24" customHeight="1">
      <c r="B21" s="110"/>
      <c r="C21" s="125" t="s">
        <v>25</v>
      </c>
      <c r="D21" s="112"/>
      <c r="E21" s="113">
        <v>87990</v>
      </c>
      <c r="F21" s="114">
        <v>199544</v>
      </c>
      <c r="G21" s="115">
        <v>97680</v>
      </c>
      <c r="H21" s="115">
        <v>101864</v>
      </c>
      <c r="I21" s="115">
        <v>-66</v>
      </c>
      <c r="J21" s="115">
        <v>-56</v>
      </c>
      <c r="K21" s="115">
        <v>-10</v>
      </c>
      <c r="L21" s="116">
        <v>2.27</v>
      </c>
      <c r="M21" s="117">
        <v>6445</v>
      </c>
      <c r="N21" s="109"/>
    </row>
    <row r="22" spans="2:14" ht="24" customHeight="1">
      <c r="B22" s="110"/>
      <c r="C22" s="125" t="s">
        <v>26</v>
      </c>
      <c r="D22" s="112"/>
      <c r="E22" s="113">
        <v>168460</v>
      </c>
      <c r="F22" s="114">
        <v>350804</v>
      </c>
      <c r="G22" s="115">
        <v>177418</v>
      </c>
      <c r="H22" s="115">
        <v>173386</v>
      </c>
      <c r="I22" s="115">
        <v>423</v>
      </c>
      <c r="J22" s="115">
        <v>101</v>
      </c>
      <c r="K22" s="115">
        <v>322</v>
      </c>
      <c r="L22" s="116">
        <v>2.08</v>
      </c>
      <c r="M22" s="117">
        <v>11172</v>
      </c>
      <c r="N22" s="109"/>
    </row>
    <row r="23" spans="2:14" ht="24" customHeight="1">
      <c r="B23" s="110"/>
      <c r="C23" s="125" t="s">
        <v>27</v>
      </c>
      <c r="D23" s="112"/>
      <c r="E23" s="113">
        <v>76732</v>
      </c>
      <c r="F23" s="114">
        <v>181568</v>
      </c>
      <c r="G23" s="115">
        <v>89335</v>
      </c>
      <c r="H23" s="115">
        <v>92233</v>
      </c>
      <c r="I23" s="115">
        <v>178</v>
      </c>
      <c r="J23" s="115">
        <v>25</v>
      </c>
      <c r="K23" s="115">
        <v>153</v>
      </c>
      <c r="L23" s="116">
        <v>2.37</v>
      </c>
      <c r="M23" s="117">
        <v>7118</v>
      </c>
      <c r="N23" s="109"/>
    </row>
    <row r="24" spans="2:14" ht="24" customHeight="1">
      <c r="B24" s="110"/>
      <c r="C24" s="125" t="s">
        <v>28</v>
      </c>
      <c r="D24" s="112"/>
      <c r="E24" s="113">
        <v>127971</v>
      </c>
      <c r="F24" s="114">
        <v>309900</v>
      </c>
      <c r="G24" s="115">
        <v>150644</v>
      </c>
      <c r="H24" s="115">
        <v>159256</v>
      </c>
      <c r="I24" s="115">
        <v>31</v>
      </c>
      <c r="J24" s="115">
        <v>60</v>
      </c>
      <c r="K24" s="115">
        <v>-29</v>
      </c>
      <c r="L24" s="116">
        <v>2.42</v>
      </c>
      <c r="M24" s="117">
        <v>8799</v>
      </c>
      <c r="N24" s="109"/>
    </row>
    <row r="25" spans="2:14" ht="24" customHeight="1">
      <c r="B25" s="110"/>
      <c r="C25" s="125" t="s">
        <v>29</v>
      </c>
      <c r="D25" s="112"/>
      <c r="E25" s="113">
        <v>82084</v>
      </c>
      <c r="F25" s="114">
        <v>211207</v>
      </c>
      <c r="G25" s="115">
        <v>105230</v>
      </c>
      <c r="H25" s="115">
        <v>105977</v>
      </c>
      <c r="I25" s="115">
        <v>52</v>
      </c>
      <c r="J25" s="115">
        <v>39</v>
      </c>
      <c r="K25" s="115">
        <v>13</v>
      </c>
      <c r="L25" s="116">
        <v>2.57</v>
      </c>
      <c r="M25" s="117">
        <v>7578</v>
      </c>
      <c r="N25" s="109"/>
    </row>
    <row r="26" spans="2:14" ht="24" customHeight="1">
      <c r="B26" s="110"/>
      <c r="C26" s="125" t="s">
        <v>30</v>
      </c>
      <c r="D26" s="112"/>
      <c r="E26" s="113">
        <v>117337</v>
      </c>
      <c r="F26" s="114">
        <v>278340</v>
      </c>
      <c r="G26" s="115">
        <v>136294</v>
      </c>
      <c r="H26" s="115">
        <v>142046</v>
      </c>
      <c r="I26" s="115">
        <v>199</v>
      </c>
      <c r="J26" s="115">
        <v>0</v>
      </c>
      <c r="K26" s="115">
        <v>199</v>
      </c>
      <c r="L26" s="116">
        <v>2.37</v>
      </c>
      <c r="M26" s="117">
        <v>7777</v>
      </c>
      <c r="N26" s="109"/>
    </row>
    <row r="27" spans="2:14" ht="24" customHeight="1">
      <c r="B27" s="110"/>
      <c r="C27" s="125" t="s">
        <v>31</v>
      </c>
      <c r="D27" s="112"/>
      <c r="E27" s="113">
        <v>51409</v>
      </c>
      <c r="F27" s="114">
        <v>120598</v>
      </c>
      <c r="G27" s="115">
        <v>58830</v>
      </c>
      <c r="H27" s="115">
        <v>61768</v>
      </c>
      <c r="I27" s="115">
        <v>-113</v>
      </c>
      <c r="J27" s="115">
        <v>-40</v>
      </c>
      <c r="K27" s="115">
        <v>-73</v>
      </c>
      <c r="L27" s="116">
        <v>2.35</v>
      </c>
      <c r="M27" s="117">
        <v>6512</v>
      </c>
      <c r="N27" s="109"/>
    </row>
    <row r="28" spans="2:14" ht="24" customHeight="1">
      <c r="B28" s="110"/>
      <c r="C28" s="125" t="s">
        <v>32</v>
      </c>
      <c r="D28" s="112"/>
      <c r="E28" s="113">
        <v>61772</v>
      </c>
      <c r="F28" s="114">
        <v>152743</v>
      </c>
      <c r="G28" s="115">
        <v>74596</v>
      </c>
      <c r="H28" s="115">
        <v>78147</v>
      </c>
      <c r="I28" s="115">
        <v>-91</v>
      </c>
      <c r="J28" s="115">
        <v>-40</v>
      </c>
      <c r="K28" s="115">
        <v>-51</v>
      </c>
      <c r="L28" s="116">
        <v>2.4700000000000002</v>
      </c>
      <c r="M28" s="117">
        <v>6478</v>
      </c>
      <c r="N28" s="109"/>
    </row>
    <row r="29" spans="2:14" ht="24" customHeight="1">
      <c r="B29" s="110"/>
      <c r="C29" s="125" t="s">
        <v>33</v>
      </c>
      <c r="D29" s="112"/>
      <c r="E29" s="113">
        <v>51093</v>
      </c>
      <c r="F29" s="114">
        <v>123054</v>
      </c>
      <c r="G29" s="115">
        <v>60003</v>
      </c>
      <c r="H29" s="115">
        <v>63051</v>
      </c>
      <c r="I29" s="115">
        <v>-98</v>
      </c>
      <c r="J29" s="115">
        <v>-25</v>
      </c>
      <c r="K29" s="115">
        <v>-73</v>
      </c>
      <c r="L29" s="116">
        <v>2.41</v>
      </c>
      <c r="M29" s="117">
        <v>7167</v>
      </c>
      <c r="N29" s="109"/>
    </row>
    <row r="30" spans="2:14" ht="24" customHeight="1">
      <c r="B30" s="124"/>
      <c r="C30" s="24" t="s">
        <v>34</v>
      </c>
      <c r="D30" s="7"/>
      <c r="E30" s="8">
        <v>726930</v>
      </c>
      <c r="F30" s="9">
        <v>1515142</v>
      </c>
      <c r="G30" s="10">
        <v>767681</v>
      </c>
      <c r="H30" s="10">
        <v>747461</v>
      </c>
      <c r="I30" s="10">
        <v>1385</v>
      </c>
      <c r="J30" s="10">
        <v>236</v>
      </c>
      <c r="K30" s="10">
        <v>1149</v>
      </c>
      <c r="L30" s="11">
        <v>2.08</v>
      </c>
      <c r="M30" s="12">
        <v>10595</v>
      </c>
      <c r="N30" s="109"/>
    </row>
    <row r="31" spans="2:14" ht="24" customHeight="1">
      <c r="B31" s="110"/>
      <c r="C31" s="125" t="s">
        <v>35</v>
      </c>
      <c r="D31" s="112"/>
      <c r="E31" s="113">
        <v>117930</v>
      </c>
      <c r="F31" s="114">
        <v>231234</v>
      </c>
      <c r="G31" s="115">
        <v>124169</v>
      </c>
      <c r="H31" s="115">
        <v>107065</v>
      </c>
      <c r="I31" s="115">
        <v>193</v>
      </c>
      <c r="J31" s="115">
        <v>-70</v>
      </c>
      <c r="K31" s="115">
        <v>263</v>
      </c>
      <c r="L31" s="116">
        <v>1.96</v>
      </c>
      <c r="M31" s="117">
        <v>5850</v>
      </c>
      <c r="N31" s="109"/>
    </row>
    <row r="32" spans="2:14" ht="24" customHeight="1">
      <c r="B32" s="110"/>
      <c r="C32" s="125" t="s">
        <v>77</v>
      </c>
      <c r="D32" s="112"/>
      <c r="E32" s="113">
        <v>79478</v>
      </c>
      <c r="F32" s="114">
        <v>167090</v>
      </c>
      <c r="G32" s="115">
        <v>84305</v>
      </c>
      <c r="H32" s="115">
        <v>82785</v>
      </c>
      <c r="I32" s="115">
        <v>178</v>
      </c>
      <c r="J32" s="115">
        <v>50</v>
      </c>
      <c r="K32" s="115">
        <v>128</v>
      </c>
      <c r="L32" s="116">
        <v>2.1</v>
      </c>
      <c r="M32" s="117">
        <v>16692</v>
      </c>
      <c r="N32" s="109"/>
    </row>
    <row r="33" spans="2:14" ht="24" customHeight="1">
      <c r="B33" s="110"/>
      <c r="C33" s="125" t="s">
        <v>36</v>
      </c>
      <c r="D33" s="112"/>
      <c r="E33" s="113">
        <v>130719</v>
      </c>
      <c r="F33" s="114">
        <v>257933</v>
      </c>
      <c r="G33" s="115">
        <v>131708</v>
      </c>
      <c r="H33" s="115">
        <v>126225</v>
      </c>
      <c r="I33" s="115">
        <v>454</v>
      </c>
      <c r="J33" s="115">
        <v>107</v>
      </c>
      <c r="K33" s="115">
        <v>347</v>
      </c>
      <c r="L33" s="116">
        <v>1.97</v>
      </c>
      <c r="M33" s="117">
        <v>17499</v>
      </c>
      <c r="N33" s="109"/>
    </row>
    <row r="34" spans="2:14" ht="24" customHeight="1">
      <c r="B34" s="110"/>
      <c r="C34" s="125" t="s">
        <v>78</v>
      </c>
      <c r="D34" s="112"/>
      <c r="E34" s="113">
        <v>111462</v>
      </c>
      <c r="F34" s="114">
        <v>231654</v>
      </c>
      <c r="G34" s="115">
        <v>116409</v>
      </c>
      <c r="H34" s="115">
        <v>115245</v>
      </c>
      <c r="I34" s="115">
        <v>81</v>
      </c>
      <c r="J34" s="115">
        <v>54</v>
      </c>
      <c r="K34" s="115">
        <v>27</v>
      </c>
      <c r="L34" s="116">
        <v>2.08</v>
      </c>
      <c r="M34" s="117">
        <v>14160</v>
      </c>
      <c r="N34" s="109"/>
    </row>
    <row r="35" spans="2:14" ht="24" customHeight="1">
      <c r="B35" s="110"/>
      <c r="C35" s="125" t="s">
        <v>37</v>
      </c>
      <c r="D35" s="112"/>
      <c r="E35" s="113">
        <v>99095</v>
      </c>
      <c r="F35" s="114">
        <v>230929</v>
      </c>
      <c r="G35" s="115">
        <v>112987</v>
      </c>
      <c r="H35" s="115">
        <v>117942</v>
      </c>
      <c r="I35" s="115">
        <v>86</v>
      </c>
      <c r="J35" s="115">
        <v>44</v>
      </c>
      <c r="K35" s="115">
        <v>42</v>
      </c>
      <c r="L35" s="116">
        <v>2.33</v>
      </c>
      <c r="M35" s="117">
        <v>12409</v>
      </c>
      <c r="N35" s="109"/>
    </row>
    <row r="36" spans="2:14" ht="24" customHeight="1">
      <c r="B36" s="110"/>
      <c r="C36" s="125" t="s">
        <v>38</v>
      </c>
      <c r="D36" s="112"/>
      <c r="E36" s="113">
        <v>111149</v>
      </c>
      <c r="F36" s="114">
        <v>217883</v>
      </c>
      <c r="G36" s="115">
        <v>111476</v>
      </c>
      <c r="H36" s="115">
        <v>106407</v>
      </c>
      <c r="I36" s="115">
        <v>235</v>
      </c>
      <c r="J36" s="115">
        <v>51</v>
      </c>
      <c r="K36" s="115">
        <v>184</v>
      </c>
      <c r="L36" s="116">
        <v>1.96</v>
      </c>
      <c r="M36" s="117">
        <v>10628</v>
      </c>
      <c r="N36" s="109"/>
    </row>
    <row r="37" spans="2:14" ht="24" customHeight="1">
      <c r="B37" s="110"/>
      <c r="C37" s="125" t="s">
        <v>39</v>
      </c>
      <c r="D37" s="112"/>
      <c r="E37" s="113">
        <v>77097</v>
      </c>
      <c r="F37" s="114">
        <v>178419</v>
      </c>
      <c r="G37" s="115">
        <v>86627</v>
      </c>
      <c r="H37" s="115">
        <v>91792</v>
      </c>
      <c r="I37" s="115">
        <v>158</v>
      </c>
      <c r="J37" s="115">
        <v>0</v>
      </c>
      <c r="K37" s="115">
        <v>158</v>
      </c>
      <c r="L37" s="116">
        <v>2.31</v>
      </c>
      <c r="M37" s="117">
        <v>7674</v>
      </c>
      <c r="N37" s="109"/>
    </row>
    <row r="38" spans="2:14" ht="24" customHeight="1">
      <c r="B38" s="124"/>
      <c r="C38" s="24" t="s">
        <v>47</v>
      </c>
      <c r="D38" s="13"/>
      <c r="E38" s="8">
        <v>322348</v>
      </c>
      <c r="F38" s="9">
        <v>723507</v>
      </c>
      <c r="G38" s="10">
        <v>362035</v>
      </c>
      <c r="H38" s="10">
        <v>361472</v>
      </c>
      <c r="I38" s="10">
        <v>215</v>
      </c>
      <c r="J38" s="10">
        <v>-81</v>
      </c>
      <c r="K38" s="10">
        <v>296</v>
      </c>
      <c r="L38" s="11">
        <v>2.2400000000000002</v>
      </c>
      <c r="M38" s="12">
        <v>2200</v>
      </c>
      <c r="N38" s="109"/>
    </row>
    <row r="39" spans="2:14" ht="24" customHeight="1">
      <c r="B39" s="110"/>
      <c r="C39" s="125" t="s">
        <v>73</v>
      </c>
      <c r="D39" s="128"/>
      <c r="E39" s="113">
        <v>73234</v>
      </c>
      <c r="F39" s="114">
        <v>172048</v>
      </c>
      <c r="G39" s="115">
        <v>86740</v>
      </c>
      <c r="H39" s="115">
        <v>85308</v>
      </c>
      <c r="I39" s="115">
        <v>33</v>
      </c>
      <c r="J39" s="115">
        <v>-46</v>
      </c>
      <c r="K39" s="115">
        <v>79</v>
      </c>
      <c r="L39" s="116">
        <v>2.35</v>
      </c>
      <c r="M39" s="117">
        <v>678</v>
      </c>
      <c r="N39" s="109"/>
    </row>
    <row r="40" spans="2:14" ht="24" customHeight="1">
      <c r="B40" s="110"/>
      <c r="C40" s="125" t="s">
        <v>79</v>
      </c>
      <c r="D40" s="112"/>
      <c r="E40" s="113">
        <v>120893</v>
      </c>
      <c r="F40" s="114">
        <v>271991</v>
      </c>
      <c r="G40" s="115">
        <v>136672</v>
      </c>
      <c r="H40" s="115">
        <v>135319</v>
      </c>
      <c r="I40" s="115">
        <v>39</v>
      </c>
      <c r="J40" s="115">
        <v>-28</v>
      </c>
      <c r="K40" s="115">
        <v>67</v>
      </c>
      <c r="L40" s="116">
        <v>2.25</v>
      </c>
      <c r="M40" s="117">
        <v>7377</v>
      </c>
      <c r="N40" s="109"/>
    </row>
    <row r="41" spans="2:14" ht="24" customHeight="1">
      <c r="B41" s="110"/>
      <c r="C41" s="125" t="s">
        <v>74</v>
      </c>
      <c r="D41" s="112"/>
      <c r="E41" s="113">
        <v>128221</v>
      </c>
      <c r="F41" s="114">
        <v>279468</v>
      </c>
      <c r="G41" s="115">
        <v>138623</v>
      </c>
      <c r="H41" s="115">
        <v>140845</v>
      </c>
      <c r="I41" s="115">
        <v>143</v>
      </c>
      <c r="J41" s="115">
        <v>-7</v>
      </c>
      <c r="K41" s="115">
        <v>150</v>
      </c>
      <c r="L41" s="116">
        <v>2.1800000000000002</v>
      </c>
      <c r="M41" s="117">
        <v>7333</v>
      </c>
      <c r="N41" s="109"/>
    </row>
    <row r="42" spans="2:14" ht="23.25" customHeight="1">
      <c r="B42" s="110"/>
      <c r="C42" s="125" t="s">
        <v>40</v>
      </c>
      <c r="D42" s="129"/>
      <c r="E42" s="113">
        <v>167192</v>
      </c>
      <c r="F42" s="114">
        <v>399910</v>
      </c>
      <c r="G42" s="115">
        <v>200077</v>
      </c>
      <c r="H42" s="115">
        <v>199833</v>
      </c>
      <c r="I42" s="115">
        <v>-295</v>
      </c>
      <c r="J42" s="115">
        <v>-223</v>
      </c>
      <c r="K42" s="115">
        <v>-72</v>
      </c>
      <c r="L42" s="116">
        <v>2.39</v>
      </c>
      <c r="M42" s="117">
        <v>3967</v>
      </c>
      <c r="N42" s="99"/>
    </row>
    <row r="43" spans="2:14" ht="23.25" customHeight="1">
      <c r="B43" s="110"/>
      <c r="C43" s="125" t="s">
        <v>41</v>
      </c>
      <c r="D43" s="129"/>
      <c r="E43" s="113">
        <v>110697</v>
      </c>
      <c r="F43" s="114">
        <v>258008</v>
      </c>
      <c r="G43" s="115">
        <v>129331</v>
      </c>
      <c r="H43" s="115">
        <v>128677</v>
      </c>
      <c r="I43" s="115">
        <v>-58</v>
      </c>
      <c r="J43" s="115">
        <v>-111</v>
      </c>
      <c r="K43" s="115">
        <v>53</v>
      </c>
      <c r="L43" s="116">
        <v>2.33</v>
      </c>
      <c r="M43" s="117">
        <v>3804</v>
      </c>
    </row>
    <row r="44" spans="2:14" ht="23.25" customHeight="1">
      <c r="B44" s="110"/>
      <c r="C44" s="125" t="s">
        <v>42</v>
      </c>
      <c r="D44" s="129"/>
      <c r="E44" s="113">
        <v>74174</v>
      </c>
      <c r="F44" s="114">
        <v>172291</v>
      </c>
      <c r="G44" s="115">
        <v>81068</v>
      </c>
      <c r="H44" s="115">
        <v>91223</v>
      </c>
      <c r="I44" s="115">
        <v>-10</v>
      </c>
      <c r="J44" s="115">
        <v>-58</v>
      </c>
      <c r="K44" s="115">
        <v>48</v>
      </c>
      <c r="L44" s="116">
        <v>2.3199999999999998</v>
      </c>
      <c r="M44" s="117">
        <v>4343</v>
      </c>
    </row>
    <row r="45" spans="2:14" ht="23.25" customHeight="1">
      <c r="B45" s="110"/>
      <c r="C45" s="125" t="s">
        <v>43</v>
      </c>
      <c r="D45" s="129"/>
      <c r="E45" s="113">
        <v>187033</v>
      </c>
      <c r="F45" s="114">
        <v>430349</v>
      </c>
      <c r="G45" s="115">
        <v>212708</v>
      </c>
      <c r="H45" s="115">
        <v>217641</v>
      </c>
      <c r="I45" s="115">
        <v>273</v>
      </c>
      <c r="J45" s="115">
        <v>-22</v>
      </c>
      <c r="K45" s="115">
        <v>295</v>
      </c>
      <c r="L45" s="116">
        <v>2.2999999999999998</v>
      </c>
      <c r="M45" s="117">
        <v>6186</v>
      </c>
    </row>
    <row r="46" spans="2:14" ht="23.25" customHeight="1">
      <c r="B46" s="104"/>
      <c r="C46" s="125" t="s">
        <v>44</v>
      </c>
      <c r="D46" s="129"/>
      <c r="E46" s="113">
        <v>80995</v>
      </c>
      <c r="F46" s="114">
        <v>191389</v>
      </c>
      <c r="G46" s="115">
        <v>93151</v>
      </c>
      <c r="H46" s="115">
        <v>98238</v>
      </c>
      <c r="I46" s="115">
        <v>23</v>
      </c>
      <c r="J46" s="115">
        <v>-76</v>
      </c>
      <c r="K46" s="115">
        <v>99</v>
      </c>
      <c r="L46" s="116">
        <v>2.36</v>
      </c>
      <c r="M46" s="117">
        <v>1682</v>
      </c>
    </row>
    <row r="47" spans="2:14" ht="23.25" customHeight="1">
      <c r="B47" s="104"/>
      <c r="C47" s="125" t="s">
        <v>45</v>
      </c>
      <c r="D47" s="130"/>
      <c r="E47" s="113">
        <v>101473</v>
      </c>
      <c r="F47" s="114">
        <v>241804</v>
      </c>
      <c r="G47" s="115">
        <v>117748</v>
      </c>
      <c r="H47" s="115">
        <v>124056</v>
      </c>
      <c r="I47" s="115">
        <v>29</v>
      </c>
      <c r="J47" s="115">
        <v>-19</v>
      </c>
      <c r="K47" s="115">
        <v>48</v>
      </c>
      <c r="L47" s="116">
        <v>2.38</v>
      </c>
      <c r="M47" s="117">
        <v>6773</v>
      </c>
    </row>
    <row r="48" spans="2:14" ht="23.25" customHeight="1">
      <c r="B48" s="104"/>
      <c r="C48" s="125" t="s">
        <v>46</v>
      </c>
      <c r="D48" s="130"/>
      <c r="E48" s="113">
        <v>24570</v>
      </c>
      <c r="F48" s="114">
        <v>57194</v>
      </c>
      <c r="G48" s="115">
        <v>26722</v>
      </c>
      <c r="H48" s="115">
        <v>30472</v>
      </c>
      <c r="I48" s="115">
        <v>-25</v>
      </c>
      <c r="J48" s="115">
        <v>-31</v>
      </c>
      <c r="K48" s="115">
        <v>6</v>
      </c>
      <c r="L48" s="116">
        <v>2.33</v>
      </c>
      <c r="M48" s="117">
        <v>3310</v>
      </c>
    </row>
    <row r="49" spans="2:13" ht="23.25" customHeight="1">
      <c r="B49" s="104"/>
      <c r="C49" s="125" t="s">
        <v>48</v>
      </c>
      <c r="D49" s="130"/>
      <c r="E49" s="113">
        <v>17487</v>
      </c>
      <c r="F49" s="114">
        <v>43386</v>
      </c>
      <c r="G49" s="115">
        <v>20810</v>
      </c>
      <c r="H49" s="115">
        <v>22576</v>
      </c>
      <c r="I49" s="115">
        <v>-68</v>
      </c>
      <c r="J49" s="115">
        <v>-48</v>
      </c>
      <c r="K49" s="115">
        <v>-20</v>
      </c>
      <c r="L49" s="116">
        <v>2.48</v>
      </c>
      <c r="M49" s="117">
        <v>1354</v>
      </c>
    </row>
    <row r="50" spans="2:13" ht="23.25" customHeight="1">
      <c r="B50" s="104"/>
      <c r="C50" s="125" t="s">
        <v>49</v>
      </c>
      <c r="D50" s="130"/>
      <c r="E50" s="113">
        <v>71210</v>
      </c>
      <c r="F50" s="114">
        <v>165618</v>
      </c>
      <c r="G50" s="115">
        <v>84776</v>
      </c>
      <c r="H50" s="115">
        <v>80842</v>
      </c>
      <c r="I50" s="115">
        <v>-77</v>
      </c>
      <c r="J50" s="115">
        <v>-56</v>
      </c>
      <c r="K50" s="115">
        <v>-21</v>
      </c>
      <c r="L50" s="116">
        <v>2.33</v>
      </c>
      <c r="M50" s="117">
        <v>1596</v>
      </c>
    </row>
    <row r="51" spans="2:13" ht="23.25" customHeight="1">
      <c r="B51" s="104"/>
      <c r="C51" s="125" t="s">
        <v>50</v>
      </c>
      <c r="D51" s="130"/>
      <c r="E51" s="113">
        <v>99014</v>
      </c>
      <c r="F51" s="114">
        <v>225318</v>
      </c>
      <c r="G51" s="115">
        <v>116531</v>
      </c>
      <c r="H51" s="115">
        <v>108787</v>
      </c>
      <c r="I51" s="115">
        <v>-26</v>
      </c>
      <c r="J51" s="115">
        <v>-24</v>
      </c>
      <c r="K51" s="115">
        <v>-2</v>
      </c>
      <c r="L51" s="116">
        <v>2.2799999999999998</v>
      </c>
      <c r="M51" s="117">
        <v>2401</v>
      </c>
    </row>
    <row r="52" spans="2:13" ht="23.25" customHeight="1">
      <c r="B52" s="104"/>
      <c r="C52" s="125" t="s">
        <v>51</v>
      </c>
      <c r="D52" s="130"/>
      <c r="E52" s="113">
        <v>105936</v>
      </c>
      <c r="F52" s="114">
        <v>235544</v>
      </c>
      <c r="G52" s="115">
        <v>117758</v>
      </c>
      <c r="H52" s="115">
        <v>117786</v>
      </c>
      <c r="I52" s="115">
        <v>111</v>
      </c>
      <c r="J52" s="115">
        <v>17</v>
      </c>
      <c r="K52" s="115">
        <v>94</v>
      </c>
      <c r="L52" s="116">
        <v>2.2200000000000002</v>
      </c>
      <c r="M52" s="117">
        <v>8695</v>
      </c>
    </row>
    <row r="53" spans="2:13" ht="23.25" customHeight="1">
      <c r="B53" s="104"/>
      <c r="C53" s="125" t="s">
        <v>52</v>
      </c>
      <c r="D53" s="130"/>
      <c r="E53" s="113">
        <v>44994</v>
      </c>
      <c r="F53" s="114">
        <v>102498</v>
      </c>
      <c r="G53" s="115">
        <v>51957</v>
      </c>
      <c r="H53" s="115">
        <v>50541</v>
      </c>
      <c r="I53" s="115">
        <v>-34</v>
      </c>
      <c r="J53" s="115">
        <v>-25</v>
      </c>
      <c r="K53" s="115">
        <v>-9</v>
      </c>
      <c r="L53" s="116">
        <v>2.2799999999999998</v>
      </c>
      <c r="M53" s="117">
        <v>1845</v>
      </c>
    </row>
    <row r="54" spans="2:13" ht="23.25" customHeight="1">
      <c r="B54" s="104"/>
      <c r="C54" s="125" t="s">
        <v>53</v>
      </c>
      <c r="D54" s="130"/>
      <c r="E54" s="113">
        <v>55892</v>
      </c>
      <c r="F54" s="114">
        <v>132132</v>
      </c>
      <c r="G54" s="115">
        <v>66517</v>
      </c>
      <c r="H54" s="115">
        <v>65615</v>
      </c>
      <c r="I54" s="115">
        <v>70</v>
      </c>
      <c r="J54" s="115">
        <v>-2</v>
      </c>
      <c r="K54" s="115">
        <v>72</v>
      </c>
      <c r="L54" s="116">
        <v>2.36</v>
      </c>
      <c r="M54" s="117">
        <v>4969</v>
      </c>
    </row>
    <row r="55" spans="2:13" ht="23.25" customHeight="1">
      <c r="B55" s="104"/>
      <c r="C55" s="125" t="s">
        <v>54</v>
      </c>
      <c r="D55" s="130"/>
      <c r="E55" s="113">
        <v>57866</v>
      </c>
      <c r="F55" s="114">
        <v>129495</v>
      </c>
      <c r="G55" s="115">
        <v>64601</v>
      </c>
      <c r="H55" s="115">
        <v>64894</v>
      </c>
      <c r="I55" s="115">
        <v>65</v>
      </c>
      <c r="J55" s="115">
        <v>-4</v>
      </c>
      <c r="K55" s="115">
        <v>69</v>
      </c>
      <c r="L55" s="116">
        <v>2.2400000000000002</v>
      </c>
      <c r="M55" s="117">
        <v>7370</v>
      </c>
    </row>
    <row r="56" spans="2:13" ht="23.25" customHeight="1">
      <c r="B56" s="104"/>
      <c r="C56" s="125" t="s">
        <v>55</v>
      </c>
      <c r="D56" s="130"/>
      <c r="E56" s="113">
        <v>16500</v>
      </c>
      <c r="F56" s="114">
        <v>42383</v>
      </c>
      <c r="G56" s="115">
        <v>20863</v>
      </c>
      <c r="H56" s="115">
        <v>21520</v>
      </c>
      <c r="I56" s="115">
        <v>-39</v>
      </c>
      <c r="J56" s="115">
        <v>-25</v>
      </c>
      <c r="K56" s="115">
        <v>-14</v>
      </c>
      <c r="L56" s="116">
        <v>2.57</v>
      </c>
      <c r="M56" s="117">
        <v>550</v>
      </c>
    </row>
    <row r="57" spans="2:13" ht="23.25" customHeight="1">
      <c r="B57" s="104"/>
      <c r="C57" s="125" t="s">
        <v>56</v>
      </c>
      <c r="D57" s="130"/>
      <c r="E57" s="113">
        <v>34272</v>
      </c>
      <c r="F57" s="114">
        <v>84018</v>
      </c>
      <c r="G57" s="115">
        <v>42736</v>
      </c>
      <c r="H57" s="115">
        <v>41282</v>
      </c>
      <c r="I57" s="115">
        <v>-23</v>
      </c>
      <c r="J57" s="115">
        <v>-8</v>
      </c>
      <c r="K57" s="115">
        <v>-15</v>
      </c>
      <c r="L57" s="116">
        <v>2.4500000000000002</v>
      </c>
      <c r="M57" s="117">
        <v>3795</v>
      </c>
    </row>
    <row r="58" spans="2:13" ht="23.25" customHeight="1">
      <c r="B58" s="104"/>
      <c r="C58" s="126" t="s">
        <v>81</v>
      </c>
      <c r="D58" s="130"/>
      <c r="E58" s="113">
        <v>12675</v>
      </c>
      <c r="F58" s="114">
        <v>31901</v>
      </c>
      <c r="G58" s="115">
        <v>15072</v>
      </c>
      <c r="H58" s="115">
        <v>16829</v>
      </c>
      <c r="I58" s="115">
        <v>-19</v>
      </c>
      <c r="J58" s="115">
        <v>-26</v>
      </c>
      <c r="K58" s="115">
        <v>7</v>
      </c>
      <c r="L58" s="116">
        <v>2.52</v>
      </c>
      <c r="M58" s="117">
        <v>1872</v>
      </c>
    </row>
    <row r="59" spans="2:13" ht="23.25" customHeight="1">
      <c r="B59" s="104"/>
      <c r="C59" s="126" t="s">
        <v>82</v>
      </c>
      <c r="D59" s="130"/>
      <c r="E59" s="113">
        <v>19451</v>
      </c>
      <c r="F59" s="114">
        <v>48204</v>
      </c>
      <c r="G59" s="115">
        <v>24429</v>
      </c>
      <c r="H59" s="115">
        <v>23775</v>
      </c>
      <c r="I59" s="115">
        <v>30</v>
      </c>
      <c r="J59" s="115">
        <v>-5</v>
      </c>
      <c r="K59" s="115">
        <v>35</v>
      </c>
      <c r="L59" s="116">
        <v>2.48</v>
      </c>
      <c r="M59" s="117">
        <v>3613</v>
      </c>
    </row>
    <row r="60" spans="2:13" ht="23.25" customHeight="1">
      <c r="B60" s="131"/>
      <c r="C60" s="24" t="s">
        <v>57</v>
      </c>
      <c r="D60" s="15"/>
      <c r="E60" s="8">
        <v>23965</v>
      </c>
      <c r="F60" s="9">
        <v>59422</v>
      </c>
      <c r="G60" s="10">
        <v>28830</v>
      </c>
      <c r="H60" s="10">
        <v>30592</v>
      </c>
      <c r="I60" s="10">
        <v>-36</v>
      </c>
      <c r="J60" s="10">
        <v>-16</v>
      </c>
      <c r="K60" s="10">
        <v>-20</v>
      </c>
      <c r="L60" s="11">
        <v>2.48</v>
      </c>
      <c r="M60" s="12">
        <v>2264</v>
      </c>
    </row>
    <row r="61" spans="2:13" ht="23.25" customHeight="1">
      <c r="B61" s="104"/>
      <c r="C61" s="125" t="s">
        <v>58</v>
      </c>
      <c r="D61" s="130"/>
      <c r="E61" s="113">
        <v>12597</v>
      </c>
      <c r="F61" s="114">
        <v>31490</v>
      </c>
      <c r="G61" s="115">
        <v>15383</v>
      </c>
      <c r="H61" s="115">
        <v>16107</v>
      </c>
      <c r="I61" s="115">
        <v>-24</v>
      </c>
      <c r="J61" s="115">
        <v>-10</v>
      </c>
      <c r="K61" s="115">
        <v>-14</v>
      </c>
      <c r="L61" s="116">
        <v>2.5</v>
      </c>
      <c r="M61" s="117">
        <v>1833</v>
      </c>
    </row>
    <row r="62" spans="2:13" ht="23.25" customHeight="1">
      <c r="B62" s="104"/>
      <c r="C62" s="125" t="s">
        <v>59</v>
      </c>
      <c r="D62" s="130"/>
      <c r="E62" s="113">
        <v>11368</v>
      </c>
      <c r="F62" s="114">
        <v>27932</v>
      </c>
      <c r="G62" s="115">
        <v>13447</v>
      </c>
      <c r="H62" s="115">
        <v>14485</v>
      </c>
      <c r="I62" s="115">
        <v>-12</v>
      </c>
      <c r="J62" s="115">
        <v>-6</v>
      </c>
      <c r="K62" s="115">
        <v>-6</v>
      </c>
      <c r="L62" s="116">
        <v>2.46</v>
      </c>
      <c r="M62" s="117">
        <v>3076</v>
      </c>
    </row>
    <row r="63" spans="2:13" ht="23.25" customHeight="1">
      <c r="B63" s="131"/>
      <c r="C63" s="24" t="s">
        <v>60</v>
      </c>
      <c r="D63" s="15"/>
      <c r="E63" s="8">
        <v>24737</v>
      </c>
      <c r="F63" s="9">
        <v>65010</v>
      </c>
      <c r="G63" s="10">
        <v>32102</v>
      </c>
      <c r="H63" s="10">
        <v>32908</v>
      </c>
      <c r="I63" s="10">
        <v>-26</v>
      </c>
      <c r="J63" s="10">
        <v>-25</v>
      </c>
      <c r="K63" s="10">
        <v>-1</v>
      </c>
      <c r="L63" s="11">
        <v>2.63</v>
      </c>
      <c r="M63" s="12">
        <v>214</v>
      </c>
    </row>
    <row r="64" spans="2:13" ht="23.25" customHeight="1">
      <c r="B64" s="104"/>
      <c r="C64" s="125" t="s">
        <v>61</v>
      </c>
      <c r="D64" s="130"/>
      <c r="E64" s="113">
        <v>3428</v>
      </c>
      <c r="F64" s="114">
        <v>9465</v>
      </c>
      <c r="G64" s="115">
        <v>4754</v>
      </c>
      <c r="H64" s="115">
        <v>4711</v>
      </c>
      <c r="I64" s="115">
        <v>-16</v>
      </c>
      <c r="J64" s="115">
        <v>-7</v>
      </c>
      <c r="K64" s="115">
        <v>-9</v>
      </c>
      <c r="L64" s="116">
        <v>2.76</v>
      </c>
      <c r="M64" s="117">
        <v>473</v>
      </c>
    </row>
    <row r="65" spans="2:13" ht="23.25" customHeight="1">
      <c r="B65" s="104"/>
      <c r="C65" s="125" t="s">
        <v>62</v>
      </c>
      <c r="D65" s="130"/>
      <c r="E65" s="113">
        <v>6376</v>
      </c>
      <c r="F65" s="114">
        <v>16966</v>
      </c>
      <c r="G65" s="115">
        <v>8437</v>
      </c>
      <c r="H65" s="115">
        <v>8529</v>
      </c>
      <c r="I65" s="115">
        <v>0</v>
      </c>
      <c r="J65" s="115">
        <v>-2</v>
      </c>
      <c r="K65" s="115">
        <v>2</v>
      </c>
      <c r="L65" s="116">
        <v>2.66</v>
      </c>
      <c r="M65" s="117">
        <v>1180</v>
      </c>
    </row>
    <row r="66" spans="2:13" ht="23.25" customHeight="1">
      <c r="B66" s="104"/>
      <c r="C66" s="125" t="s">
        <v>63</v>
      </c>
      <c r="D66" s="130"/>
      <c r="E66" s="113">
        <v>4502</v>
      </c>
      <c r="F66" s="114">
        <v>10957</v>
      </c>
      <c r="G66" s="115">
        <v>5422</v>
      </c>
      <c r="H66" s="115">
        <v>5535</v>
      </c>
      <c r="I66" s="115">
        <v>-5</v>
      </c>
      <c r="J66" s="115">
        <v>2</v>
      </c>
      <c r="K66" s="115">
        <v>-7</v>
      </c>
      <c r="L66" s="116">
        <v>2.4300000000000002</v>
      </c>
      <c r="M66" s="117">
        <v>290</v>
      </c>
    </row>
    <row r="67" spans="2:13" ht="23.25" customHeight="1">
      <c r="B67" s="104"/>
      <c r="C67" s="125" t="s">
        <v>64</v>
      </c>
      <c r="D67" s="130"/>
      <c r="E67" s="113">
        <v>3826</v>
      </c>
      <c r="F67" s="114">
        <v>9965</v>
      </c>
      <c r="G67" s="115">
        <v>4886</v>
      </c>
      <c r="H67" s="115">
        <v>5079</v>
      </c>
      <c r="I67" s="115">
        <v>-32</v>
      </c>
      <c r="J67" s="115">
        <v>-15</v>
      </c>
      <c r="K67" s="115">
        <v>-17</v>
      </c>
      <c r="L67" s="116">
        <v>2.6</v>
      </c>
      <c r="M67" s="117">
        <v>44</v>
      </c>
    </row>
    <row r="68" spans="2:13" ht="23.25" customHeight="1">
      <c r="B68" s="104"/>
      <c r="C68" s="125" t="s">
        <v>65</v>
      </c>
      <c r="D68" s="130"/>
      <c r="E68" s="113">
        <v>6605</v>
      </c>
      <c r="F68" s="114">
        <v>17657</v>
      </c>
      <c r="G68" s="115">
        <v>8603</v>
      </c>
      <c r="H68" s="115">
        <v>9054</v>
      </c>
      <c r="I68" s="115">
        <v>27</v>
      </c>
      <c r="J68" s="115">
        <v>-3</v>
      </c>
      <c r="K68" s="115">
        <v>30</v>
      </c>
      <c r="L68" s="116">
        <v>2.67</v>
      </c>
      <c r="M68" s="117">
        <v>2696</v>
      </c>
    </row>
    <row r="69" spans="2:13" ht="23.25" customHeight="1">
      <c r="B69" s="131"/>
      <c r="C69" s="24" t="s">
        <v>66</v>
      </c>
      <c r="D69" s="15"/>
      <c r="E69" s="8">
        <v>20153</v>
      </c>
      <c r="F69" s="9">
        <v>42717</v>
      </c>
      <c r="G69" s="10">
        <v>20009</v>
      </c>
      <c r="H69" s="10">
        <v>22708</v>
      </c>
      <c r="I69" s="10">
        <v>-28</v>
      </c>
      <c r="J69" s="10">
        <v>-41</v>
      </c>
      <c r="K69" s="10">
        <v>13</v>
      </c>
      <c r="L69" s="11">
        <v>2.12</v>
      </c>
      <c r="M69" s="12">
        <v>303</v>
      </c>
    </row>
    <row r="70" spans="2:13" ht="23.25" customHeight="1">
      <c r="B70" s="104"/>
      <c r="C70" s="125" t="s">
        <v>67</v>
      </c>
      <c r="D70" s="130"/>
      <c r="E70" s="113">
        <v>6243</v>
      </c>
      <c r="F70" s="114">
        <v>11452</v>
      </c>
      <c r="G70" s="115">
        <v>5465</v>
      </c>
      <c r="H70" s="115">
        <v>5987</v>
      </c>
      <c r="I70" s="115">
        <v>-12</v>
      </c>
      <c r="J70" s="115">
        <v>-15</v>
      </c>
      <c r="K70" s="115">
        <v>3</v>
      </c>
      <c r="L70" s="116">
        <v>1.83</v>
      </c>
      <c r="M70" s="117">
        <v>123</v>
      </c>
    </row>
    <row r="71" spans="2:13" ht="23.25" customHeight="1">
      <c r="B71" s="104"/>
      <c r="C71" s="125" t="s">
        <v>68</v>
      </c>
      <c r="D71" s="130"/>
      <c r="E71" s="113">
        <v>3049</v>
      </c>
      <c r="F71" s="114">
        <v>6985</v>
      </c>
      <c r="G71" s="115">
        <v>3270</v>
      </c>
      <c r="H71" s="115">
        <v>3715</v>
      </c>
      <c r="I71" s="115">
        <v>-7</v>
      </c>
      <c r="J71" s="115">
        <v>-8</v>
      </c>
      <c r="K71" s="115">
        <v>1</v>
      </c>
      <c r="L71" s="116">
        <v>2.29</v>
      </c>
      <c r="M71" s="117">
        <v>991</v>
      </c>
    </row>
    <row r="72" spans="2:13" ht="23.25" customHeight="1">
      <c r="B72" s="104"/>
      <c r="C72" s="125" t="s">
        <v>83</v>
      </c>
      <c r="D72" s="130"/>
      <c r="E72" s="113">
        <v>10861</v>
      </c>
      <c r="F72" s="114">
        <v>24280</v>
      </c>
      <c r="G72" s="115">
        <v>11274</v>
      </c>
      <c r="H72" s="115">
        <v>13006</v>
      </c>
      <c r="I72" s="115">
        <v>-9</v>
      </c>
      <c r="J72" s="115">
        <v>-18</v>
      </c>
      <c r="K72" s="115">
        <v>9</v>
      </c>
      <c r="L72" s="116">
        <v>2.2400000000000002</v>
      </c>
      <c r="M72" s="117">
        <v>593</v>
      </c>
    </row>
    <row r="73" spans="2:13" ht="23.25" customHeight="1">
      <c r="B73" s="131"/>
      <c r="C73" s="24" t="s">
        <v>69</v>
      </c>
      <c r="D73" s="15"/>
      <c r="E73" s="8">
        <v>17686</v>
      </c>
      <c r="F73" s="9">
        <v>42963</v>
      </c>
      <c r="G73" s="10">
        <v>22380</v>
      </c>
      <c r="H73" s="10">
        <v>20583</v>
      </c>
      <c r="I73" s="10">
        <v>-38</v>
      </c>
      <c r="J73" s="10">
        <v>-28</v>
      </c>
      <c r="K73" s="10">
        <v>-10</v>
      </c>
      <c r="L73" s="11">
        <v>2.4300000000000002</v>
      </c>
      <c r="M73" s="12">
        <v>407</v>
      </c>
    </row>
    <row r="74" spans="2:13" ht="23.25" customHeight="1">
      <c r="B74" s="104"/>
      <c r="C74" s="125" t="s">
        <v>70</v>
      </c>
      <c r="D74" s="130"/>
      <c r="E74" s="113">
        <v>16532</v>
      </c>
      <c r="F74" s="114">
        <v>39809</v>
      </c>
      <c r="G74" s="115">
        <v>20770</v>
      </c>
      <c r="H74" s="115">
        <v>19039</v>
      </c>
      <c r="I74" s="115">
        <v>-43</v>
      </c>
      <c r="J74" s="115">
        <v>-27</v>
      </c>
      <c r="K74" s="115">
        <v>-16</v>
      </c>
      <c r="L74" s="116">
        <v>2.41</v>
      </c>
      <c r="M74" s="117">
        <v>1161</v>
      </c>
    </row>
    <row r="75" spans="2:13" ht="23.25" customHeight="1">
      <c r="B75" s="104"/>
      <c r="C75" s="125" t="s">
        <v>71</v>
      </c>
      <c r="D75" s="130"/>
      <c r="E75" s="113">
        <v>1154</v>
      </c>
      <c r="F75" s="114">
        <v>3154</v>
      </c>
      <c r="G75" s="115">
        <v>1610</v>
      </c>
      <c r="H75" s="115">
        <v>1544</v>
      </c>
      <c r="I75" s="115">
        <v>5</v>
      </c>
      <c r="J75" s="115">
        <v>-1</v>
      </c>
      <c r="K75" s="115">
        <v>6</v>
      </c>
      <c r="L75" s="116">
        <v>2.73</v>
      </c>
      <c r="M75" s="117">
        <v>44</v>
      </c>
    </row>
    <row r="76" spans="2:13" ht="14.25" thickBot="1">
      <c r="B76" s="145"/>
      <c r="C76" s="133"/>
      <c r="D76" s="133"/>
      <c r="E76" s="146"/>
      <c r="F76" s="147"/>
      <c r="G76" s="147"/>
      <c r="H76" s="147"/>
      <c r="I76" s="147"/>
      <c r="J76" s="147"/>
      <c r="K76" s="147"/>
      <c r="L76" s="147"/>
      <c r="M76" s="136"/>
    </row>
    <row r="77" spans="2:13">
      <c r="M77" s="137" t="s">
        <v>110</v>
      </c>
    </row>
  </sheetData>
  <mergeCells count="2">
    <mergeCell ref="C4:C5"/>
    <mergeCell ref="E4:E5"/>
  </mergeCells>
  <phoneticPr fontId="7"/>
  <printOptions horizontalCentered="1" gridLinesSet="0"/>
  <pageMargins left="0.23622047244094491" right="0.23622047244094491" top="0.74803149606299213" bottom="0.74803149606299213" header="0.31496062992125984" footer="0.31496062992125984"/>
  <pageSetup paperSize="9" scale="78" orientation="portrait" r:id="rId1"/>
  <headerFooter alignWithMargins="0"/>
  <rowBreaks count="1" manualBreakCount="1">
    <brk id="41" min="1" max="12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A1" transitionEvaluation="1"/>
  <dimension ref="B1:O77"/>
  <sheetViews>
    <sheetView showGridLines="0" view="pageBreakPreview" zoomScale="75" zoomScaleNormal="100" zoomScaleSheetLayoutView="75" workbookViewId="0"/>
  </sheetViews>
  <sheetFormatPr defaultColWidth="12.125" defaultRowHeight="13.5"/>
  <cols>
    <col min="1" max="1" width="12.125" style="80" customWidth="1"/>
    <col min="2" max="2" width="1.625" style="80" customWidth="1"/>
    <col min="3" max="3" width="12.375" style="5" customWidth="1"/>
    <col min="4" max="4" width="1.625" style="5" customWidth="1"/>
    <col min="5" max="8" width="12.625" style="5" customWidth="1"/>
    <col min="9" max="13" width="10.625" style="5" customWidth="1"/>
    <col min="14" max="14" width="19" style="80" customWidth="1"/>
    <col min="15" max="15" width="16.75" style="80" customWidth="1"/>
    <col min="16" max="19" width="14.375" style="80" customWidth="1"/>
    <col min="20" max="16384" width="12.125" style="80"/>
  </cols>
  <sheetData>
    <row r="1" spans="2:15" ht="24">
      <c r="C1" s="207" t="s">
        <v>111</v>
      </c>
      <c r="D1" s="207"/>
      <c r="E1" s="207"/>
      <c r="F1" s="207"/>
      <c r="G1" s="207"/>
      <c r="H1" s="207"/>
      <c r="I1" s="207"/>
      <c r="J1" s="207"/>
      <c r="K1" s="207"/>
      <c r="L1" s="207"/>
      <c r="M1" s="148"/>
    </row>
    <row r="3" spans="2:15" ht="21.95" customHeight="1" thickBot="1">
      <c r="C3" s="149" t="s">
        <v>112</v>
      </c>
      <c r="D3" s="150"/>
      <c r="E3" s="151"/>
      <c r="F3" s="151"/>
      <c r="G3" s="151"/>
      <c r="H3" s="151"/>
      <c r="I3" s="151"/>
      <c r="J3" s="151"/>
      <c r="K3" s="151"/>
      <c r="L3" s="151"/>
      <c r="M3" s="152" t="s">
        <v>152</v>
      </c>
    </row>
    <row r="4" spans="2:15" ht="18" customHeight="1">
      <c r="B4" s="90"/>
      <c r="C4" s="208" t="s">
        <v>10</v>
      </c>
      <c r="D4" s="153"/>
      <c r="E4" s="210" t="s">
        <v>11</v>
      </c>
      <c r="F4" s="154" t="s">
        <v>6</v>
      </c>
      <c r="G4" s="155"/>
      <c r="H4" s="156" t="s">
        <v>7</v>
      </c>
      <c r="I4" s="95" t="s">
        <v>72</v>
      </c>
      <c r="J4" s="96"/>
      <c r="K4" s="96"/>
      <c r="L4" s="157" t="s">
        <v>0</v>
      </c>
      <c r="M4" s="158" t="s">
        <v>3</v>
      </c>
      <c r="N4" s="99"/>
    </row>
    <row r="5" spans="2:15" ht="18" customHeight="1" thickBot="1">
      <c r="B5" s="159"/>
      <c r="C5" s="209"/>
      <c r="D5" s="160"/>
      <c r="E5" s="211"/>
      <c r="F5" s="161" t="s">
        <v>12</v>
      </c>
      <c r="G5" s="161" t="s">
        <v>1</v>
      </c>
      <c r="H5" s="161" t="s">
        <v>2</v>
      </c>
      <c r="I5" s="161" t="s">
        <v>5</v>
      </c>
      <c r="J5" s="161" t="s">
        <v>13</v>
      </c>
      <c r="K5" s="161" t="s">
        <v>14</v>
      </c>
      <c r="L5" s="161" t="s">
        <v>4</v>
      </c>
      <c r="M5" s="162" t="s">
        <v>15</v>
      </c>
      <c r="N5" s="99"/>
    </row>
    <row r="6" spans="2:15" ht="18" customHeight="1">
      <c r="B6" s="104"/>
      <c r="C6" s="105"/>
      <c r="D6" s="105"/>
      <c r="E6" s="106" t="s">
        <v>8</v>
      </c>
      <c r="F6" s="107" t="s">
        <v>6</v>
      </c>
      <c r="G6" s="107" t="s">
        <v>6</v>
      </c>
      <c r="H6" s="107" t="s">
        <v>6</v>
      </c>
      <c r="I6" s="107" t="s">
        <v>6</v>
      </c>
      <c r="J6" s="107" t="s">
        <v>6</v>
      </c>
      <c r="K6" s="107" t="s">
        <v>6</v>
      </c>
      <c r="L6" s="107" t="s">
        <v>6</v>
      </c>
      <c r="M6" s="108" t="s">
        <v>6</v>
      </c>
      <c r="N6" s="99"/>
    </row>
    <row r="7" spans="2:15" ht="24" customHeight="1">
      <c r="B7" s="16"/>
      <c r="C7" s="23" t="s">
        <v>113</v>
      </c>
      <c r="D7" s="17"/>
      <c r="E7" s="18">
        <v>4108597</v>
      </c>
      <c r="F7" s="19">
        <v>9181389</v>
      </c>
      <c r="G7" s="20">
        <v>4578944</v>
      </c>
      <c r="H7" s="20">
        <v>4602445</v>
      </c>
      <c r="I7" s="20">
        <v>689</v>
      </c>
      <c r="J7" s="20">
        <v>-195</v>
      </c>
      <c r="K7" s="20">
        <v>884</v>
      </c>
      <c r="L7" s="21">
        <v>2.23</v>
      </c>
      <c r="M7" s="22">
        <v>3800</v>
      </c>
      <c r="N7" s="109"/>
    </row>
    <row r="8" spans="2:15" ht="24" customHeight="1">
      <c r="B8" s="110"/>
      <c r="C8" s="111" t="s">
        <v>114</v>
      </c>
      <c r="D8" s="112"/>
      <c r="E8" s="113">
        <v>3989880</v>
      </c>
      <c r="F8" s="114">
        <v>8891251</v>
      </c>
      <c r="G8" s="115">
        <v>4436195</v>
      </c>
      <c r="H8" s="115">
        <v>4455056</v>
      </c>
      <c r="I8" s="115">
        <v>768</v>
      </c>
      <c r="J8" s="115">
        <v>-101</v>
      </c>
      <c r="K8" s="115">
        <v>869</v>
      </c>
      <c r="L8" s="116">
        <v>2.23</v>
      </c>
      <c r="M8" s="117">
        <v>4913</v>
      </c>
      <c r="N8" s="109"/>
    </row>
    <row r="9" spans="2:15" ht="24" customHeight="1">
      <c r="B9" s="110"/>
      <c r="C9" s="111" t="s">
        <v>16</v>
      </c>
      <c r="D9" s="112"/>
      <c r="E9" s="113">
        <v>118717</v>
      </c>
      <c r="F9" s="114">
        <v>290138</v>
      </c>
      <c r="G9" s="115">
        <v>142749</v>
      </c>
      <c r="H9" s="115">
        <v>147389</v>
      </c>
      <c r="I9" s="115">
        <v>-79</v>
      </c>
      <c r="J9" s="115">
        <v>-94</v>
      </c>
      <c r="K9" s="115">
        <v>15</v>
      </c>
      <c r="L9" s="116">
        <v>2.44</v>
      </c>
      <c r="M9" s="117">
        <v>479</v>
      </c>
      <c r="N9" s="109"/>
    </row>
    <row r="10" spans="2:15" ht="24" customHeight="1">
      <c r="B10" s="110"/>
      <c r="C10" s="163"/>
      <c r="D10" s="118"/>
      <c r="E10" s="119"/>
      <c r="F10" s="120"/>
      <c r="G10" s="121"/>
      <c r="H10" s="121"/>
      <c r="I10" s="121"/>
      <c r="J10" s="121"/>
      <c r="K10" s="121"/>
      <c r="L10" s="122"/>
      <c r="M10" s="123"/>
      <c r="N10" s="109"/>
    </row>
    <row r="11" spans="2:15" ht="24" customHeight="1">
      <c r="B11" s="124"/>
      <c r="C11" s="24" t="s">
        <v>17</v>
      </c>
      <c r="D11" s="7"/>
      <c r="E11" s="8">
        <v>1689894</v>
      </c>
      <c r="F11" s="9">
        <v>3740833</v>
      </c>
      <c r="G11" s="10">
        <v>1859155</v>
      </c>
      <c r="H11" s="10">
        <v>1881678</v>
      </c>
      <c r="I11" s="10">
        <v>336</v>
      </c>
      <c r="J11" s="10">
        <v>-36</v>
      </c>
      <c r="K11" s="10">
        <v>372</v>
      </c>
      <c r="L11" s="11">
        <v>2.21</v>
      </c>
      <c r="M11" s="12">
        <v>8549</v>
      </c>
      <c r="N11" s="109"/>
    </row>
    <row r="12" spans="2:15" ht="24" customHeight="1">
      <c r="B12" s="110"/>
      <c r="C12" s="125" t="s">
        <v>18</v>
      </c>
      <c r="D12" s="112"/>
      <c r="E12" s="113">
        <v>137764</v>
      </c>
      <c r="F12" s="114">
        <v>290794</v>
      </c>
      <c r="G12" s="115">
        <v>150212</v>
      </c>
      <c r="H12" s="115">
        <v>140582</v>
      </c>
      <c r="I12" s="115">
        <v>13</v>
      </c>
      <c r="J12" s="115">
        <v>23</v>
      </c>
      <c r="K12" s="115">
        <v>-10</v>
      </c>
      <c r="L12" s="116">
        <v>2.11</v>
      </c>
      <c r="M12" s="117">
        <v>8751</v>
      </c>
      <c r="N12" s="109"/>
    </row>
    <row r="13" spans="2:15" ht="24" customHeight="1">
      <c r="B13" s="110"/>
      <c r="C13" s="126" t="s">
        <v>115</v>
      </c>
      <c r="D13" s="112"/>
      <c r="E13" s="113">
        <v>124142</v>
      </c>
      <c r="F13" s="114">
        <v>243262</v>
      </c>
      <c r="G13" s="115">
        <v>123531</v>
      </c>
      <c r="H13" s="115">
        <v>119731</v>
      </c>
      <c r="I13" s="115">
        <v>17</v>
      </c>
      <c r="J13" s="115">
        <v>4</v>
      </c>
      <c r="K13" s="115">
        <v>13</v>
      </c>
      <c r="L13" s="116">
        <v>1.96</v>
      </c>
      <c r="M13" s="117">
        <v>10251</v>
      </c>
      <c r="N13" s="109"/>
    </row>
    <row r="14" spans="2:15" ht="24" customHeight="1">
      <c r="B14" s="110"/>
      <c r="C14" s="125" t="s">
        <v>19</v>
      </c>
      <c r="D14" s="112"/>
      <c r="E14" s="113">
        <v>54276</v>
      </c>
      <c r="F14" s="114">
        <v>101802</v>
      </c>
      <c r="G14" s="115">
        <v>51532</v>
      </c>
      <c r="H14" s="115">
        <v>50270</v>
      </c>
      <c r="I14" s="115">
        <v>200</v>
      </c>
      <c r="J14" s="115">
        <v>-8</v>
      </c>
      <c r="K14" s="115">
        <v>208</v>
      </c>
      <c r="L14" s="116">
        <v>1.88</v>
      </c>
      <c r="M14" s="117">
        <v>14481</v>
      </c>
      <c r="N14" s="109"/>
      <c r="O14" s="4"/>
    </row>
    <row r="15" spans="2:15" ht="24" customHeight="1">
      <c r="B15" s="110"/>
      <c r="C15" s="125" t="s">
        <v>20</v>
      </c>
      <c r="D15" s="112"/>
      <c r="E15" s="113">
        <v>80219</v>
      </c>
      <c r="F15" s="114">
        <v>148956</v>
      </c>
      <c r="G15" s="115">
        <v>78216</v>
      </c>
      <c r="H15" s="115">
        <v>70740</v>
      </c>
      <c r="I15" s="115">
        <v>-34</v>
      </c>
      <c r="J15" s="115">
        <v>-19</v>
      </c>
      <c r="K15" s="115">
        <v>-15</v>
      </c>
      <c r="L15" s="116">
        <v>1.86</v>
      </c>
      <c r="M15" s="117">
        <v>7000</v>
      </c>
      <c r="N15" s="109"/>
    </row>
    <row r="16" spans="2:15" ht="24" customHeight="1">
      <c r="B16" s="110"/>
      <c r="C16" s="125" t="s">
        <v>21</v>
      </c>
      <c r="D16" s="112"/>
      <c r="E16" s="113">
        <v>98473</v>
      </c>
      <c r="F16" s="114">
        <v>195373</v>
      </c>
      <c r="G16" s="115">
        <v>97152</v>
      </c>
      <c r="H16" s="115">
        <v>98221</v>
      </c>
      <c r="I16" s="115">
        <v>-87</v>
      </c>
      <c r="J16" s="115">
        <v>-62</v>
      </c>
      <c r="K16" s="115">
        <v>-25</v>
      </c>
      <c r="L16" s="116">
        <v>1.98</v>
      </c>
      <c r="M16" s="117">
        <v>15445</v>
      </c>
      <c r="N16" s="109"/>
    </row>
    <row r="17" spans="2:14" ht="24" customHeight="1">
      <c r="B17" s="110"/>
      <c r="C17" s="125" t="s">
        <v>22</v>
      </c>
      <c r="D17" s="112"/>
      <c r="E17" s="113">
        <v>92931</v>
      </c>
      <c r="F17" s="114">
        <v>214135</v>
      </c>
      <c r="G17" s="115">
        <v>105007</v>
      </c>
      <c r="H17" s="115">
        <v>109128</v>
      </c>
      <c r="I17" s="115">
        <v>-101</v>
      </c>
      <c r="J17" s="115">
        <v>-39</v>
      </c>
      <c r="K17" s="115">
        <v>-62</v>
      </c>
      <c r="L17" s="116">
        <v>2.2999999999999998</v>
      </c>
      <c r="M17" s="117">
        <v>10761</v>
      </c>
      <c r="N17" s="109"/>
    </row>
    <row r="18" spans="2:14" ht="24" customHeight="1">
      <c r="B18" s="110"/>
      <c r="C18" s="126" t="s">
        <v>116</v>
      </c>
      <c r="D18" s="127"/>
      <c r="E18" s="113">
        <v>95181</v>
      </c>
      <c r="F18" s="114">
        <v>205850</v>
      </c>
      <c r="G18" s="115">
        <v>102427</v>
      </c>
      <c r="H18" s="115">
        <v>103423</v>
      </c>
      <c r="I18" s="115">
        <v>-69</v>
      </c>
      <c r="J18" s="115">
        <v>6</v>
      </c>
      <c r="K18" s="115">
        <v>-75</v>
      </c>
      <c r="L18" s="116">
        <v>2.16</v>
      </c>
      <c r="M18" s="117">
        <v>9387</v>
      </c>
      <c r="N18" s="109"/>
    </row>
    <row r="19" spans="2:14" ht="24" customHeight="1">
      <c r="B19" s="110"/>
      <c r="C19" s="125" t="s">
        <v>23</v>
      </c>
      <c r="D19" s="112"/>
      <c r="E19" s="113">
        <v>105042</v>
      </c>
      <c r="F19" s="114">
        <v>245831</v>
      </c>
      <c r="G19" s="115">
        <v>119045</v>
      </c>
      <c r="H19" s="115">
        <v>126786</v>
      </c>
      <c r="I19" s="115">
        <v>-22</v>
      </c>
      <c r="J19" s="115">
        <v>-71</v>
      </c>
      <c r="K19" s="115">
        <v>49</v>
      </c>
      <c r="L19" s="116">
        <v>2.34</v>
      </c>
      <c r="M19" s="117">
        <v>7511</v>
      </c>
      <c r="N19" s="109"/>
    </row>
    <row r="20" spans="2:14" ht="24" customHeight="1">
      <c r="B20" s="110"/>
      <c r="C20" s="125" t="s">
        <v>24</v>
      </c>
      <c r="D20" s="112"/>
      <c r="E20" s="113">
        <v>76398</v>
      </c>
      <c r="F20" s="114">
        <v>166638</v>
      </c>
      <c r="G20" s="115">
        <v>81948</v>
      </c>
      <c r="H20" s="115">
        <v>84690</v>
      </c>
      <c r="I20" s="115">
        <v>-15</v>
      </c>
      <c r="J20" s="115">
        <v>-23</v>
      </c>
      <c r="K20" s="115">
        <v>8</v>
      </c>
      <c r="L20" s="116">
        <v>2.1800000000000002</v>
      </c>
      <c r="M20" s="117">
        <v>8747</v>
      </c>
      <c r="N20" s="109"/>
    </row>
    <row r="21" spans="2:14" ht="24" customHeight="1">
      <c r="B21" s="110"/>
      <c r="C21" s="125" t="s">
        <v>25</v>
      </c>
      <c r="D21" s="112"/>
      <c r="E21" s="113">
        <v>88272</v>
      </c>
      <c r="F21" s="114">
        <v>199749</v>
      </c>
      <c r="G21" s="115">
        <v>97703</v>
      </c>
      <c r="H21" s="115">
        <v>102046</v>
      </c>
      <c r="I21" s="115">
        <v>205</v>
      </c>
      <c r="J21" s="115">
        <v>-36</v>
      </c>
      <c r="K21" s="115">
        <v>241</v>
      </c>
      <c r="L21" s="116">
        <v>2.2599999999999998</v>
      </c>
      <c r="M21" s="117">
        <v>6452</v>
      </c>
      <c r="N21" s="109"/>
    </row>
    <row r="22" spans="2:14" ht="24" customHeight="1">
      <c r="B22" s="110"/>
      <c r="C22" s="125" t="s">
        <v>26</v>
      </c>
      <c r="D22" s="112"/>
      <c r="E22" s="113">
        <v>168467</v>
      </c>
      <c r="F22" s="114">
        <v>350965</v>
      </c>
      <c r="G22" s="115">
        <v>177470</v>
      </c>
      <c r="H22" s="115">
        <v>173495</v>
      </c>
      <c r="I22" s="115">
        <v>161</v>
      </c>
      <c r="J22" s="115">
        <v>134</v>
      </c>
      <c r="K22" s="115">
        <v>27</v>
      </c>
      <c r="L22" s="116">
        <v>2.08</v>
      </c>
      <c r="M22" s="117">
        <v>11177</v>
      </c>
      <c r="N22" s="109"/>
    </row>
    <row r="23" spans="2:14" ht="24" customHeight="1">
      <c r="B23" s="110"/>
      <c r="C23" s="125" t="s">
        <v>27</v>
      </c>
      <c r="D23" s="112"/>
      <c r="E23" s="113">
        <v>76817</v>
      </c>
      <c r="F23" s="114">
        <v>181592</v>
      </c>
      <c r="G23" s="115">
        <v>89384</v>
      </c>
      <c r="H23" s="115">
        <v>92208</v>
      </c>
      <c r="I23" s="115">
        <v>24</v>
      </c>
      <c r="J23" s="115">
        <v>11</v>
      </c>
      <c r="K23" s="115">
        <v>13</v>
      </c>
      <c r="L23" s="116">
        <v>2.36</v>
      </c>
      <c r="M23" s="117">
        <v>7118</v>
      </c>
      <c r="N23" s="109"/>
    </row>
    <row r="24" spans="2:14" ht="24" customHeight="1">
      <c r="B24" s="110"/>
      <c r="C24" s="125" t="s">
        <v>28</v>
      </c>
      <c r="D24" s="112"/>
      <c r="E24" s="113">
        <v>127981</v>
      </c>
      <c r="F24" s="114">
        <v>309802</v>
      </c>
      <c r="G24" s="115">
        <v>150558</v>
      </c>
      <c r="H24" s="115">
        <v>159244</v>
      </c>
      <c r="I24" s="115">
        <v>-98</v>
      </c>
      <c r="J24" s="115">
        <v>10</v>
      </c>
      <c r="K24" s="115">
        <v>-108</v>
      </c>
      <c r="L24" s="116">
        <v>2.42</v>
      </c>
      <c r="M24" s="117">
        <v>8796</v>
      </c>
      <c r="N24" s="109"/>
    </row>
    <row r="25" spans="2:14" ht="24" customHeight="1">
      <c r="B25" s="110"/>
      <c r="C25" s="125" t="s">
        <v>29</v>
      </c>
      <c r="D25" s="112"/>
      <c r="E25" s="113">
        <v>82145</v>
      </c>
      <c r="F25" s="114">
        <v>211234</v>
      </c>
      <c r="G25" s="115">
        <v>105224</v>
      </c>
      <c r="H25" s="115">
        <v>106010</v>
      </c>
      <c r="I25" s="115">
        <v>27</v>
      </c>
      <c r="J25" s="115">
        <v>56</v>
      </c>
      <c r="K25" s="115">
        <v>-29</v>
      </c>
      <c r="L25" s="116">
        <v>2.57</v>
      </c>
      <c r="M25" s="117">
        <v>7579</v>
      </c>
      <c r="N25" s="109"/>
    </row>
    <row r="26" spans="2:14" ht="24" customHeight="1">
      <c r="B26" s="110"/>
      <c r="C26" s="125" t="s">
        <v>30</v>
      </c>
      <c r="D26" s="112"/>
      <c r="E26" s="113">
        <v>117474</v>
      </c>
      <c r="F26" s="114">
        <v>278589</v>
      </c>
      <c r="G26" s="115">
        <v>136392</v>
      </c>
      <c r="H26" s="115">
        <v>142197</v>
      </c>
      <c r="I26" s="115">
        <v>249</v>
      </c>
      <c r="J26" s="115">
        <v>8</v>
      </c>
      <c r="K26" s="115">
        <v>241</v>
      </c>
      <c r="L26" s="116">
        <v>2.37</v>
      </c>
      <c r="M26" s="117">
        <v>7784</v>
      </c>
      <c r="N26" s="109"/>
    </row>
    <row r="27" spans="2:14" ht="24" customHeight="1">
      <c r="B27" s="110"/>
      <c r="C27" s="125" t="s">
        <v>31</v>
      </c>
      <c r="D27" s="112"/>
      <c r="E27" s="113">
        <v>51427</v>
      </c>
      <c r="F27" s="114">
        <v>120621</v>
      </c>
      <c r="G27" s="115">
        <v>58831</v>
      </c>
      <c r="H27" s="115">
        <v>61790</v>
      </c>
      <c r="I27" s="115">
        <v>23</v>
      </c>
      <c r="J27" s="115">
        <v>-12</v>
      </c>
      <c r="K27" s="115">
        <v>35</v>
      </c>
      <c r="L27" s="116">
        <v>2.35</v>
      </c>
      <c r="M27" s="117">
        <v>6513</v>
      </c>
      <c r="N27" s="109"/>
    </row>
    <row r="28" spans="2:14" ht="24" customHeight="1">
      <c r="B28" s="110"/>
      <c r="C28" s="125" t="s">
        <v>32</v>
      </c>
      <c r="D28" s="112"/>
      <c r="E28" s="113">
        <v>61763</v>
      </c>
      <c r="F28" s="114">
        <v>152628</v>
      </c>
      <c r="G28" s="115">
        <v>74545</v>
      </c>
      <c r="H28" s="115">
        <v>78083</v>
      </c>
      <c r="I28" s="115">
        <v>-115</v>
      </c>
      <c r="J28" s="115">
        <v>-10</v>
      </c>
      <c r="K28" s="115">
        <v>-105</v>
      </c>
      <c r="L28" s="116">
        <v>2.4700000000000002</v>
      </c>
      <c r="M28" s="117">
        <v>6473</v>
      </c>
      <c r="N28" s="109"/>
    </row>
    <row r="29" spans="2:14" ht="24" customHeight="1">
      <c r="B29" s="110"/>
      <c r="C29" s="125" t="s">
        <v>33</v>
      </c>
      <c r="D29" s="112"/>
      <c r="E29" s="113">
        <v>51122</v>
      </c>
      <c r="F29" s="114">
        <v>123012</v>
      </c>
      <c r="G29" s="115">
        <v>59978</v>
      </c>
      <c r="H29" s="115">
        <v>63034</v>
      </c>
      <c r="I29" s="115">
        <v>-42</v>
      </c>
      <c r="J29" s="115">
        <v>-8</v>
      </c>
      <c r="K29" s="115">
        <v>-34</v>
      </c>
      <c r="L29" s="116">
        <v>2.41</v>
      </c>
      <c r="M29" s="117">
        <v>7164</v>
      </c>
      <c r="N29" s="109"/>
    </row>
    <row r="30" spans="2:14" ht="24" customHeight="1">
      <c r="B30" s="124"/>
      <c r="C30" s="24" t="s">
        <v>34</v>
      </c>
      <c r="D30" s="7"/>
      <c r="E30" s="8">
        <v>727167</v>
      </c>
      <c r="F30" s="9">
        <v>1515607</v>
      </c>
      <c r="G30" s="10">
        <v>767767</v>
      </c>
      <c r="H30" s="10">
        <v>747840</v>
      </c>
      <c r="I30" s="10">
        <v>465</v>
      </c>
      <c r="J30" s="10">
        <v>347</v>
      </c>
      <c r="K30" s="10">
        <v>118</v>
      </c>
      <c r="L30" s="11">
        <v>2.08</v>
      </c>
      <c r="M30" s="12">
        <v>10598</v>
      </c>
      <c r="N30" s="109"/>
    </row>
    <row r="31" spans="2:14" ht="24" customHeight="1">
      <c r="B31" s="110"/>
      <c r="C31" s="125" t="s">
        <v>35</v>
      </c>
      <c r="D31" s="112"/>
      <c r="E31" s="113">
        <v>118066</v>
      </c>
      <c r="F31" s="114">
        <v>231433</v>
      </c>
      <c r="G31" s="115">
        <v>124326</v>
      </c>
      <c r="H31" s="115">
        <v>107107</v>
      </c>
      <c r="I31" s="115">
        <v>199</v>
      </c>
      <c r="J31" s="115">
        <v>8</v>
      </c>
      <c r="K31" s="115">
        <v>191</v>
      </c>
      <c r="L31" s="116">
        <v>1.96</v>
      </c>
      <c r="M31" s="117">
        <v>5855</v>
      </c>
      <c r="N31" s="109"/>
    </row>
    <row r="32" spans="2:14" ht="24" customHeight="1">
      <c r="B32" s="110"/>
      <c r="C32" s="125" t="s">
        <v>117</v>
      </c>
      <c r="D32" s="112"/>
      <c r="E32" s="113">
        <v>79511</v>
      </c>
      <c r="F32" s="114">
        <v>167126</v>
      </c>
      <c r="G32" s="115">
        <v>84282</v>
      </c>
      <c r="H32" s="115">
        <v>82844</v>
      </c>
      <c r="I32" s="115">
        <v>36</v>
      </c>
      <c r="J32" s="115">
        <v>50</v>
      </c>
      <c r="K32" s="115">
        <v>-14</v>
      </c>
      <c r="L32" s="116">
        <v>2.1</v>
      </c>
      <c r="M32" s="117">
        <v>16696</v>
      </c>
      <c r="N32" s="109"/>
    </row>
    <row r="33" spans="2:14" ht="24" customHeight="1">
      <c r="B33" s="110"/>
      <c r="C33" s="125" t="s">
        <v>36</v>
      </c>
      <c r="D33" s="112"/>
      <c r="E33" s="113">
        <v>130657</v>
      </c>
      <c r="F33" s="114">
        <v>257975</v>
      </c>
      <c r="G33" s="115">
        <v>131712</v>
      </c>
      <c r="H33" s="115">
        <v>126263</v>
      </c>
      <c r="I33" s="115">
        <v>42</v>
      </c>
      <c r="J33" s="115">
        <v>125</v>
      </c>
      <c r="K33" s="115">
        <v>-83</v>
      </c>
      <c r="L33" s="116">
        <v>1.97</v>
      </c>
      <c r="M33" s="117">
        <v>17502</v>
      </c>
      <c r="N33" s="109"/>
    </row>
    <row r="34" spans="2:14" ht="24" customHeight="1">
      <c r="B34" s="110"/>
      <c r="C34" s="125" t="s">
        <v>118</v>
      </c>
      <c r="D34" s="112"/>
      <c r="E34" s="113">
        <v>111459</v>
      </c>
      <c r="F34" s="114">
        <v>231734</v>
      </c>
      <c r="G34" s="115">
        <v>116413</v>
      </c>
      <c r="H34" s="115">
        <v>115321</v>
      </c>
      <c r="I34" s="115">
        <v>80</v>
      </c>
      <c r="J34" s="115">
        <v>79</v>
      </c>
      <c r="K34" s="115">
        <v>1</v>
      </c>
      <c r="L34" s="116">
        <v>2.08</v>
      </c>
      <c r="M34" s="117">
        <v>14165</v>
      </c>
      <c r="N34" s="109"/>
    </row>
    <row r="35" spans="2:14" ht="24" customHeight="1">
      <c r="B35" s="110"/>
      <c r="C35" s="125" t="s">
        <v>37</v>
      </c>
      <c r="D35" s="112"/>
      <c r="E35" s="113">
        <v>99115</v>
      </c>
      <c r="F35" s="114">
        <v>230976</v>
      </c>
      <c r="G35" s="115">
        <v>112970</v>
      </c>
      <c r="H35" s="115">
        <v>118006</v>
      </c>
      <c r="I35" s="115">
        <v>47</v>
      </c>
      <c r="J35" s="115">
        <v>25</v>
      </c>
      <c r="K35" s="115">
        <v>22</v>
      </c>
      <c r="L35" s="116">
        <v>2.33</v>
      </c>
      <c r="M35" s="117">
        <v>12411</v>
      </c>
      <c r="N35" s="109"/>
    </row>
    <row r="36" spans="2:14" ht="24" customHeight="1">
      <c r="B36" s="110"/>
      <c r="C36" s="125" t="s">
        <v>38</v>
      </c>
      <c r="D36" s="112"/>
      <c r="E36" s="113">
        <v>111234</v>
      </c>
      <c r="F36" s="114">
        <v>217885</v>
      </c>
      <c r="G36" s="115">
        <v>111458</v>
      </c>
      <c r="H36" s="115">
        <v>106427</v>
      </c>
      <c r="I36" s="115">
        <v>2</v>
      </c>
      <c r="J36" s="115">
        <v>32</v>
      </c>
      <c r="K36" s="115">
        <v>-30</v>
      </c>
      <c r="L36" s="116">
        <v>1.96</v>
      </c>
      <c r="M36" s="117">
        <v>10629</v>
      </c>
      <c r="N36" s="109"/>
    </row>
    <row r="37" spans="2:14" ht="24" customHeight="1">
      <c r="B37" s="110"/>
      <c r="C37" s="125" t="s">
        <v>39</v>
      </c>
      <c r="D37" s="112"/>
      <c r="E37" s="113">
        <v>77125</v>
      </c>
      <c r="F37" s="114">
        <v>178478</v>
      </c>
      <c r="G37" s="115">
        <v>86606</v>
      </c>
      <c r="H37" s="115">
        <v>91872</v>
      </c>
      <c r="I37" s="115">
        <v>59</v>
      </c>
      <c r="J37" s="115">
        <v>28</v>
      </c>
      <c r="K37" s="115">
        <v>31</v>
      </c>
      <c r="L37" s="116">
        <v>2.31</v>
      </c>
      <c r="M37" s="117">
        <v>7676</v>
      </c>
      <c r="N37" s="109"/>
    </row>
    <row r="38" spans="2:14" ht="24" customHeight="1">
      <c r="B38" s="124"/>
      <c r="C38" s="24" t="s">
        <v>47</v>
      </c>
      <c r="D38" s="13"/>
      <c r="E38" s="8">
        <v>322525</v>
      </c>
      <c r="F38" s="9">
        <v>723360</v>
      </c>
      <c r="G38" s="10">
        <v>361914</v>
      </c>
      <c r="H38" s="10">
        <v>361446</v>
      </c>
      <c r="I38" s="10">
        <v>-147</v>
      </c>
      <c r="J38" s="10">
        <v>-42</v>
      </c>
      <c r="K38" s="10">
        <v>-105</v>
      </c>
      <c r="L38" s="11">
        <v>2.2400000000000002</v>
      </c>
      <c r="M38" s="12">
        <v>2199</v>
      </c>
      <c r="N38" s="109"/>
    </row>
    <row r="39" spans="2:14" ht="24" customHeight="1">
      <c r="B39" s="110"/>
      <c r="C39" s="125" t="s">
        <v>73</v>
      </c>
      <c r="D39" s="128"/>
      <c r="E39" s="113">
        <v>73218</v>
      </c>
      <c r="F39" s="114">
        <v>171924</v>
      </c>
      <c r="G39" s="115">
        <v>86656</v>
      </c>
      <c r="H39" s="115">
        <v>85268</v>
      </c>
      <c r="I39" s="115">
        <v>-124</v>
      </c>
      <c r="J39" s="115">
        <v>-9</v>
      </c>
      <c r="K39" s="115">
        <v>-115</v>
      </c>
      <c r="L39" s="116">
        <v>2.35</v>
      </c>
      <c r="M39" s="117">
        <v>677</v>
      </c>
      <c r="N39" s="109"/>
    </row>
    <row r="40" spans="2:14" ht="24" customHeight="1">
      <c r="B40" s="110"/>
      <c r="C40" s="125" t="s">
        <v>79</v>
      </c>
      <c r="D40" s="112"/>
      <c r="E40" s="113">
        <v>120995</v>
      </c>
      <c r="F40" s="114">
        <v>271961</v>
      </c>
      <c r="G40" s="115">
        <v>136664</v>
      </c>
      <c r="H40" s="115">
        <v>135297</v>
      </c>
      <c r="I40" s="115">
        <v>-30</v>
      </c>
      <c r="J40" s="115">
        <v>-11</v>
      </c>
      <c r="K40" s="115">
        <v>-19</v>
      </c>
      <c r="L40" s="116">
        <v>2.25</v>
      </c>
      <c r="M40" s="117">
        <v>7376</v>
      </c>
      <c r="N40" s="109"/>
    </row>
    <row r="41" spans="2:14" ht="24" customHeight="1">
      <c r="B41" s="110"/>
      <c r="C41" s="125" t="s">
        <v>74</v>
      </c>
      <c r="D41" s="112"/>
      <c r="E41" s="113">
        <v>128312</v>
      </c>
      <c r="F41" s="114">
        <v>279475</v>
      </c>
      <c r="G41" s="115">
        <v>138594</v>
      </c>
      <c r="H41" s="115">
        <v>140881</v>
      </c>
      <c r="I41" s="115">
        <v>7</v>
      </c>
      <c r="J41" s="115">
        <v>-22</v>
      </c>
      <c r="K41" s="115">
        <v>29</v>
      </c>
      <c r="L41" s="116">
        <v>2.1800000000000002</v>
      </c>
      <c r="M41" s="117">
        <v>7333</v>
      </c>
      <c r="N41" s="109"/>
    </row>
    <row r="42" spans="2:14" ht="23.25" customHeight="1">
      <c r="B42" s="164"/>
      <c r="C42" s="125" t="s">
        <v>40</v>
      </c>
      <c r="D42" s="165"/>
      <c r="E42" s="113">
        <v>167183</v>
      </c>
      <c r="F42" s="114">
        <v>399601</v>
      </c>
      <c r="G42" s="115">
        <v>199895</v>
      </c>
      <c r="H42" s="115">
        <v>199706</v>
      </c>
      <c r="I42" s="115">
        <v>-309</v>
      </c>
      <c r="J42" s="115">
        <v>-149</v>
      </c>
      <c r="K42" s="115">
        <v>-160</v>
      </c>
      <c r="L42" s="116">
        <v>2.39</v>
      </c>
      <c r="M42" s="117">
        <v>3964</v>
      </c>
      <c r="N42" s="99"/>
    </row>
    <row r="43" spans="2:14" ht="23.25" customHeight="1">
      <c r="B43" s="164"/>
      <c r="C43" s="125" t="s">
        <v>41</v>
      </c>
      <c r="D43" s="165"/>
      <c r="E43" s="113">
        <v>110817</v>
      </c>
      <c r="F43" s="114">
        <v>258038</v>
      </c>
      <c r="G43" s="115">
        <v>129368</v>
      </c>
      <c r="H43" s="115">
        <v>128670</v>
      </c>
      <c r="I43" s="115">
        <v>30</v>
      </c>
      <c r="J43" s="115">
        <v>-43</v>
      </c>
      <c r="K43" s="115">
        <v>73</v>
      </c>
      <c r="L43" s="116">
        <v>2.33</v>
      </c>
      <c r="M43" s="117">
        <v>3805</v>
      </c>
    </row>
    <row r="44" spans="2:14" ht="23.25" customHeight="1">
      <c r="B44" s="164"/>
      <c r="C44" s="125" t="s">
        <v>42</v>
      </c>
      <c r="D44" s="165"/>
      <c r="E44" s="113">
        <v>74192</v>
      </c>
      <c r="F44" s="114">
        <v>172263</v>
      </c>
      <c r="G44" s="115">
        <v>81033</v>
      </c>
      <c r="H44" s="115">
        <v>91230</v>
      </c>
      <c r="I44" s="115">
        <v>-28</v>
      </c>
      <c r="J44" s="115">
        <v>-48</v>
      </c>
      <c r="K44" s="115">
        <v>20</v>
      </c>
      <c r="L44" s="116">
        <v>2.3199999999999998</v>
      </c>
      <c r="M44" s="117">
        <v>4342</v>
      </c>
    </row>
    <row r="45" spans="2:14" ht="23.25" customHeight="1">
      <c r="B45" s="164"/>
      <c r="C45" s="125" t="s">
        <v>43</v>
      </c>
      <c r="D45" s="165"/>
      <c r="E45" s="113">
        <v>187254</v>
      </c>
      <c r="F45" s="114">
        <v>430485</v>
      </c>
      <c r="G45" s="115">
        <v>212768</v>
      </c>
      <c r="H45" s="115">
        <v>217717</v>
      </c>
      <c r="I45" s="115">
        <v>136</v>
      </c>
      <c r="J45" s="115">
        <v>1</v>
      </c>
      <c r="K45" s="115">
        <v>135</v>
      </c>
      <c r="L45" s="116">
        <v>2.2999999999999998</v>
      </c>
      <c r="M45" s="117">
        <v>6188</v>
      </c>
    </row>
    <row r="46" spans="2:14" ht="23.25" customHeight="1">
      <c r="B46" s="166"/>
      <c r="C46" s="125" t="s">
        <v>44</v>
      </c>
      <c r="D46" s="165"/>
      <c r="E46" s="113">
        <v>81042</v>
      </c>
      <c r="F46" s="114">
        <v>191407</v>
      </c>
      <c r="G46" s="115">
        <v>93182</v>
      </c>
      <c r="H46" s="115">
        <v>98225</v>
      </c>
      <c r="I46" s="115">
        <v>18</v>
      </c>
      <c r="J46" s="115">
        <v>-15</v>
      </c>
      <c r="K46" s="115">
        <v>33</v>
      </c>
      <c r="L46" s="116">
        <v>2.36</v>
      </c>
      <c r="M46" s="117">
        <v>1682</v>
      </c>
    </row>
    <row r="47" spans="2:14" ht="23.25" customHeight="1">
      <c r="B47" s="166"/>
      <c r="C47" s="125" t="s">
        <v>45</v>
      </c>
      <c r="D47" s="167"/>
      <c r="E47" s="113">
        <v>101587</v>
      </c>
      <c r="F47" s="114">
        <v>241889</v>
      </c>
      <c r="G47" s="115">
        <v>117778</v>
      </c>
      <c r="H47" s="115">
        <v>124111</v>
      </c>
      <c r="I47" s="115">
        <v>85</v>
      </c>
      <c r="J47" s="115">
        <v>-13</v>
      </c>
      <c r="K47" s="115">
        <v>98</v>
      </c>
      <c r="L47" s="116">
        <v>2.38</v>
      </c>
      <c r="M47" s="117">
        <v>6776</v>
      </c>
    </row>
    <row r="48" spans="2:14" ht="23.25" customHeight="1">
      <c r="B48" s="166"/>
      <c r="C48" s="125" t="s">
        <v>46</v>
      </c>
      <c r="D48" s="167"/>
      <c r="E48" s="113">
        <v>24557</v>
      </c>
      <c r="F48" s="114">
        <v>57161</v>
      </c>
      <c r="G48" s="115">
        <v>26695</v>
      </c>
      <c r="H48" s="115">
        <v>30466</v>
      </c>
      <c r="I48" s="115">
        <v>-33</v>
      </c>
      <c r="J48" s="115">
        <v>-25</v>
      </c>
      <c r="K48" s="115">
        <v>-8</v>
      </c>
      <c r="L48" s="116">
        <v>2.33</v>
      </c>
      <c r="M48" s="117">
        <v>3308</v>
      </c>
    </row>
    <row r="49" spans="2:13" ht="23.25" customHeight="1">
      <c r="B49" s="166"/>
      <c r="C49" s="125" t="s">
        <v>48</v>
      </c>
      <c r="D49" s="167"/>
      <c r="E49" s="113">
        <v>17483</v>
      </c>
      <c r="F49" s="114">
        <v>43321</v>
      </c>
      <c r="G49" s="115">
        <v>20781</v>
      </c>
      <c r="H49" s="115">
        <v>22540</v>
      </c>
      <c r="I49" s="115">
        <v>-65</v>
      </c>
      <c r="J49" s="115">
        <v>-27</v>
      </c>
      <c r="K49" s="115">
        <v>-38</v>
      </c>
      <c r="L49" s="116">
        <v>2.48</v>
      </c>
      <c r="M49" s="117">
        <v>1352</v>
      </c>
    </row>
    <row r="50" spans="2:13" ht="23.25" customHeight="1">
      <c r="B50" s="166"/>
      <c r="C50" s="125" t="s">
        <v>49</v>
      </c>
      <c r="D50" s="167"/>
      <c r="E50" s="113">
        <v>71251</v>
      </c>
      <c r="F50" s="114">
        <v>165572</v>
      </c>
      <c r="G50" s="115">
        <v>84745</v>
      </c>
      <c r="H50" s="115">
        <v>80827</v>
      </c>
      <c r="I50" s="115">
        <v>-46</v>
      </c>
      <c r="J50" s="115">
        <v>-28</v>
      </c>
      <c r="K50" s="115">
        <v>-18</v>
      </c>
      <c r="L50" s="116">
        <v>2.3199999999999998</v>
      </c>
      <c r="M50" s="117">
        <v>1596</v>
      </c>
    </row>
    <row r="51" spans="2:13" ht="23.25" customHeight="1">
      <c r="B51" s="166"/>
      <c r="C51" s="125" t="s">
        <v>50</v>
      </c>
      <c r="D51" s="167"/>
      <c r="E51" s="113">
        <v>99141</v>
      </c>
      <c r="F51" s="114">
        <v>225314</v>
      </c>
      <c r="G51" s="115">
        <v>116535</v>
      </c>
      <c r="H51" s="115">
        <v>108779</v>
      </c>
      <c r="I51" s="115">
        <v>-4</v>
      </c>
      <c r="J51" s="115">
        <v>-14</v>
      </c>
      <c r="K51" s="115">
        <v>10</v>
      </c>
      <c r="L51" s="116">
        <v>2.27</v>
      </c>
      <c r="M51" s="117">
        <v>2401</v>
      </c>
    </row>
    <row r="52" spans="2:13" ht="23.25" customHeight="1">
      <c r="B52" s="166"/>
      <c r="C52" s="125" t="s">
        <v>51</v>
      </c>
      <c r="D52" s="167"/>
      <c r="E52" s="113">
        <v>106055</v>
      </c>
      <c r="F52" s="114">
        <v>235655</v>
      </c>
      <c r="G52" s="115">
        <v>117765</v>
      </c>
      <c r="H52" s="115">
        <v>117890</v>
      </c>
      <c r="I52" s="115">
        <v>111</v>
      </c>
      <c r="J52" s="115">
        <v>23</v>
      </c>
      <c r="K52" s="115">
        <v>88</v>
      </c>
      <c r="L52" s="116">
        <v>2.2200000000000002</v>
      </c>
      <c r="M52" s="117">
        <v>8699</v>
      </c>
    </row>
    <row r="53" spans="2:13" ht="23.25" customHeight="1">
      <c r="B53" s="166"/>
      <c r="C53" s="125" t="s">
        <v>52</v>
      </c>
      <c r="D53" s="167"/>
      <c r="E53" s="113">
        <v>45015</v>
      </c>
      <c r="F53" s="114">
        <v>102508</v>
      </c>
      <c r="G53" s="115">
        <v>51981</v>
      </c>
      <c r="H53" s="115">
        <v>50527</v>
      </c>
      <c r="I53" s="115">
        <v>10</v>
      </c>
      <c r="J53" s="115">
        <v>-4</v>
      </c>
      <c r="K53" s="115">
        <v>14</v>
      </c>
      <c r="L53" s="116">
        <v>2.2799999999999998</v>
      </c>
      <c r="M53" s="117">
        <v>1845</v>
      </c>
    </row>
    <row r="54" spans="2:13" ht="23.25" customHeight="1">
      <c r="B54" s="166"/>
      <c r="C54" s="125" t="s">
        <v>53</v>
      </c>
      <c r="D54" s="167"/>
      <c r="E54" s="113">
        <v>55985</v>
      </c>
      <c r="F54" s="114">
        <v>132298</v>
      </c>
      <c r="G54" s="115">
        <v>66613</v>
      </c>
      <c r="H54" s="115">
        <v>65685</v>
      </c>
      <c r="I54" s="115">
        <v>166</v>
      </c>
      <c r="J54" s="115">
        <v>32</v>
      </c>
      <c r="K54" s="115">
        <v>134</v>
      </c>
      <c r="L54" s="116">
        <v>2.36</v>
      </c>
      <c r="M54" s="117">
        <v>4975</v>
      </c>
    </row>
    <row r="55" spans="2:13" ht="23.25" customHeight="1">
      <c r="B55" s="166"/>
      <c r="C55" s="125" t="s">
        <v>54</v>
      </c>
      <c r="D55" s="167"/>
      <c r="E55" s="113">
        <v>57899</v>
      </c>
      <c r="F55" s="114">
        <v>129509</v>
      </c>
      <c r="G55" s="115">
        <v>64601</v>
      </c>
      <c r="H55" s="115">
        <v>64908</v>
      </c>
      <c r="I55" s="115">
        <v>14</v>
      </c>
      <c r="J55" s="115">
        <v>-36</v>
      </c>
      <c r="K55" s="115">
        <v>50</v>
      </c>
      <c r="L55" s="116">
        <v>2.2400000000000002</v>
      </c>
      <c r="M55" s="117">
        <v>7371</v>
      </c>
    </row>
    <row r="56" spans="2:13" ht="23.25" customHeight="1">
      <c r="B56" s="166"/>
      <c r="C56" s="125" t="s">
        <v>55</v>
      </c>
      <c r="D56" s="167"/>
      <c r="E56" s="113">
        <v>16525</v>
      </c>
      <c r="F56" s="114">
        <v>42390</v>
      </c>
      <c r="G56" s="115">
        <v>20876</v>
      </c>
      <c r="H56" s="115">
        <v>21514</v>
      </c>
      <c r="I56" s="115">
        <v>7</v>
      </c>
      <c r="J56" s="115">
        <v>-6</v>
      </c>
      <c r="K56" s="115">
        <v>13</v>
      </c>
      <c r="L56" s="116">
        <v>2.57</v>
      </c>
      <c r="M56" s="117">
        <v>550</v>
      </c>
    </row>
    <row r="57" spans="2:13" ht="23.25" customHeight="1">
      <c r="B57" s="166"/>
      <c r="C57" s="125" t="s">
        <v>56</v>
      </c>
      <c r="D57" s="167"/>
      <c r="E57" s="113">
        <v>34308</v>
      </c>
      <c r="F57" s="114">
        <v>84040</v>
      </c>
      <c r="G57" s="115">
        <v>42743</v>
      </c>
      <c r="H57" s="115">
        <v>41297</v>
      </c>
      <c r="I57" s="115">
        <v>22</v>
      </c>
      <c r="J57" s="115">
        <v>-18</v>
      </c>
      <c r="K57" s="115">
        <v>40</v>
      </c>
      <c r="L57" s="116">
        <v>2.4500000000000002</v>
      </c>
      <c r="M57" s="117">
        <v>3796</v>
      </c>
    </row>
    <row r="58" spans="2:13" ht="23.25" customHeight="1">
      <c r="B58" s="166"/>
      <c r="C58" s="126" t="s">
        <v>119</v>
      </c>
      <c r="D58" s="167"/>
      <c r="E58" s="113">
        <v>12675</v>
      </c>
      <c r="F58" s="114">
        <v>31889</v>
      </c>
      <c r="G58" s="115">
        <v>15056</v>
      </c>
      <c r="H58" s="115">
        <v>16833</v>
      </c>
      <c r="I58" s="115">
        <v>-12</v>
      </c>
      <c r="J58" s="115">
        <v>-13</v>
      </c>
      <c r="K58" s="115">
        <v>1</v>
      </c>
      <c r="L58" s="116">
        <v>2.52</v>
      </c>
      <c r="M58" s="117">
        <v>1871</v>
      </c>
    </row>
    <row r="59" spans="2:13" ht="23.25" customHeight="1">
      <c r="B59" s="166"/>
      <c r="C59" s="126" t="s">
        <v>120</v>
      </c>
      <c r="D59" s="167"/>
      <c r="E59" s="113">
        <v>19454</v>
      </c>
      <c r="F59" s="114">
        <v>48161</v>
      </c>
      <c r="G59" s="115">
        <v>24418</v>
      </c>
      <c r="H59" s="115">
        <v>23743</v>
      </c>
      <c r="I59" s="115">
        <v>-43</v>
      </c>
      <c r="J59" s="115">
        <v>0</v>
      </c>
      <c r="K59" s="115">
        <v>-43</v>
      </c>
      <c r="L59" s="116">
        <v>2.48</v>
      </c>
      <c r="M59" s="117">
        <v>3610</v>
      </c>
    </row>
    <row r="60" spans="2:13" ht="23.25" customHeight="1">
      <c r="B60" s="168"/>
      <c r="C60" s="169" t="s">
        <v>57</v>
      </c>
      <c r="D60" s="170"/>
      <c r="E60" s="8">
        <v>23985</v>
      </c>
      <c r="F60" s="9">
        <v>59430</v>
      </c>
      <c r="G60" s="10">
        <v>28824</v>
      </c>
      <c r="H60" s="10">
        <v>30606</v>
      </c>
      <c r="I60" s="10">
        <v>8</v>
      </c>
      <c r="J60" s="10">
        <v>-16</v>
      </c>
      <c r="K60" s="10">
        <v>24</v>
      </c>
      <c r="L60" s="11">
        <v>2.48</v>
      </c>
      <c r="M60" s="12">
        <v>2264</v>
      </c>
    </row>
    <row r="61" spans="2:13" ht="23.25" customHeight="1">
      <c r="B61" s="166"/>
      <c r="C61" s="125" t="s">
        <v>58</v>
      </c>
      <c r="D61" s="167"/>
      <c r="E61" s="113">
        <v>12613</v>
      </c>
      <c r="F61" s="114">
        <v>31516</v>
      </c>
      <c r="G61" s="115">
        <v>15398</v>
      </c>
      <c r="H61" s="115">
        <v>16118</v>
      </c>
      <c r="I61" s="115">
        <v>26</v>
      </c>
      <c r="J61" s="115">
        <v>-13</v>
      </c>
      <c r="K61" s="115">
        <v>39</v>
      </c>
      <c r="L61" s="116">
        <v>2.5</v>
      </c>
      <c r="M61" s="117">
        <v>1834</v>
      </c>
    </row>
    <row r="62" spans="2:13" ht="23.25" customHeight="1">
      <c r="B62" s="166"/>
      <c r="C62" s="125" t="s">
        <v>59</v>
      </c>
      <c r="D62" s="167"/>
      <c r="E62" s="113">
        <v>11372</v>
      </c>
      <c r="F62" s="114">
        <v>27914</v>
      </c>
      <c r="G62" s="115">
        <v>13426</v>
      </c>
      <c r="H62" s="115">
        <v>14488</v>
      </c>
      <c r="I62" s="115">
        <v>-18</v>
      </c>
      <c r="J62" s="115">
        <v>-3</v>
      </c>
      <c r="K62" s="115">
        <v>-15</v>
      </c>
      <c r="L62" s="116">
        <v>2.4500000000000002</v>
      </c>
      <c r="M62" s="117">
        <v>3074</v>
      </c>
    </row>
    <row r="63" spans="2:13" ht="23.25" customHeight="1">
      <c r="B63" s="168"/>
      <c r="C63" s="24" t="s">
        <v>60</v>
      </c>
      <c r="D63" s="170"/>
      <c r="E63" s="8">
        <v>24775</v>
      </c>
      <c r="F63" s="9">
        <v>65049</v>
      </c>
      <c r="G63" s="10">
        <v>32107</v>
      </c>
      <c r="H63" s="10">
        <v>32942</v>
      </c>
      <c r="I63" s="10">
        <v>39</v>
      </c>
      <c r="J63" s="10">
        <v>-2</v>
      </c>
      <c r="K63" s="10">
        <v>41</v>
      </c>
      <c r="L63" s="11">
        <v>2.63</v>
      </c>
      <c r="M63" s="12">
        <v>214</v>
      </c>
    </row>
    <row r="64" spans="2:13" ht="23.25" customHeight="1">
      <c r="B64" s="166"/>
      <c r="C64" s="125" t="s">
        <v>61</v>
      </c>
      <c r="D64" s="167"/>
      <c r="E64" s="113">
        <v>3431</v>
      </c>
      <c r="F64" s="114">
        <v>9469</v>
      </c>
      <c r="G64" s="115">
        <v>4749</v>
      </c>
      <c r="H64" s="115">
        <v>4720</v>
      </c>
      <c r="I64" s="115">
        <v>4</v>
      </c>
      <c r="J64" s="115">
        <v>-5</v>
      </c>
      <c r="K64" s="115">
        <v>9</v>
      </c>
      <c r="L64" s="116">
        <v>2.76</v>
      </c>
      <c r="M64" s="117">
        <v>474</v>
      </c>
    </row>
    <row r="65" spans="2:13" ht="23.25" customHeight="1">
      <c r="B65" s="166"/>
      <c r="C65" s="125" t="s">
        <v>62</v>
      </c>
      <c r="D65" s="167"/>
      <c r="E65" s="113">
        <v>6391</v>
      </c>
      <c r="F65" s="114">
        <v>16984</v>
      </c>
      <c r="G65" s="115">
        <v>8452</v>
      </c>
      <c r="H65" s="115">
        <v>8532</v>
      </c>
      <c r="I65" s="115">
        <v>18</v>
      </c>
      <c r="J65" s="115">
        <v>2</v>
      </c>
      <c r="K65" s="115">
        <v>16</v>
      </c>
      <c r="L65" s="116">
        <v>2.66</v>
      </c>
      <c r="M65" s="117">
        <v>1181</v>
      </c>
    </row>
    <row r="66" spans="2:13" ht="23.25" customHeight="1">
      <c r="B66" s="166"/>
      <c r="C66" s="125" t="s">
        <v>63</v>
      </c>
      <c r="D66" s="167"/>
      <c r="E66" s="113">
        <v>4528</v>
      </c>
      <c r="F66" s="114">
        <v>10982</v>
      </c>
      <c r="G66" s="115">
        <v>5427</v>
      </c>
      <c r="H66" s="115">
        <v>5555</v>
      </c>
      <c r="I66" s="115">
        <v>25</v>
      </c>
      <c r="J66" s="115">
        <v>-2</v>
      </c>
      <c r="K66" s="115">
        <v>27</v>
      </c>
      <c r="L66" s="116">
        <v>2.4300000000000002</v>
      </c>
      <c r="M66" s="117">
        <v>291</v>
      </c>
    </row>
    <row r="67" spans="2:13" ht="23.25" customHeight="1">
      <c r="B67" s="166"/>
      <c r="C67" s="125" t="s">
        <v>64</v>
      </c>
      <c r="D67" s="167"/>
      <c r="E67" s="113">
        <v>3828</v>
      </c>
      <c r="F67" s="114">
        <v>9958</v>
      </c>
      <c r="G67" s="115">
        <v>4886</v>
      </c>
      <c r="H67" s="115">
        <v>5072</v>
      </c>
      <c r="I67" s="115">
        <v>-7</v>
      </c>
      <c r="J67" s="115">
        <v>-4</v>
      </c>
      <c r="K67" s="115">
        <v>-3</v>
      </c>
      <c r="L67" s="116">
        <v>2.6</v>
      </c>
      <c r="M67" s="117">
        <v>44</v>
      </c>
    </row>
    <row r="68" spans="2:13" ht="23.25" customHeight="1">
      <c r="B68" s="166"/>
      <c r="C68" s="125" t="s">
        <v>65</v>
      </c>
      <c r="D68" s="167"/>
      <c r="E68" s="113">
        <v>6597</v>
      </c>
      <c r="F68" s="114">
        <v>17656</v>
      </c>
      <c r="G68" s="115">
        <v>8593</v>
      </c>
      <c r="H68" s="115">
        <v>9063</v>
      </c>
      <c r="I68" s="115">
        <v>-1</v>
      </c>
      <c r="J68" s="115">
        <v>7</v>
      </c>
      <c r="K68" s="115">
        <v>-8</v>
      </c>
      <c r="L68" s="116">
        <v>2.68</v>
      </c>
      <c r="M68" s="117">
        <v>2696</v>
      </c>
    </row>
    <row r="69" spans="2:13" ht="23.25" customHeight="1">
      <c r="B69" s="168"/>
      <c r="C69" s="24" t="s">
        <v>66</v>
      </c>
      <c r="D69" s="170"/>
      <c r="E69" s="8">
        <v>20144</v>
      </c>
      <c r="F69" s="9">
        <v>42645</v>
      </c>
      <c r="G69" s="10">
        <v>19982</v>
      </c>
      <c r="H69" s="10">
        <v>22663</v>
      </c>
      <c r="I69" s="10">
        <v>-72</v>
      </c>
      <c r="J69" s="10">
        <v>-51</v>
      </c>
      <c r="K69" s="10">
        <v>-21</v>
      </c>
      <c r="L69" s="11">
        <v>2.12</v>
      </c>
      <c r="M69" s="12">
        <v>303</v>
      </c>
    </row>
    <row r="70" spans="2:13" ht="23.25" customHeight="1">
      <c r="B70" s="166"/>
      <c r="C70" s="125" t="s">
        <v>67</v>
      </c>
      <c r="D70" s="167"/>
      <c r="E70" s="113">
        <v>6217</v>
      </c>
      <c r="F70" s="114">
        <v>11407</v>
      </c>
      <c r="G70" s="115">
        <v>5449</v>
      </c>
      <c r="H70" s="115">
        <v>5958</v>
      </c>
      <c r="I70" s="115">
        <v>-45</v>
      </c>
      <c r="J70" s="115">
        <v>-12</v>
      </c>
      <c r="K70" s="115">
        <v>-33</v>
      </c>
      <c r="L70" s="116">
        <v>1.83</v>
      </c>
      <c r="M70" s="117">
        <v>123</v>
      </c>
    </row>
    <row r="71" spans="2:13" ht="23.25" customHeight="1">
      <c r="B71" s="166"/>
      <c r="C71" s="125" t="s">
        <v>68</v>
      </c>
      <c r="D71" s="167"/>
      <c r="E71" s="113">
        <v>3058</v>
      </c>
      <c r="F71" s="114">
        <v>6983</v>
      </c>
      <c r="G71" s="115">
        <v>3267</v>
      </c>
      <c r="H71" s="115">
        <v>3716</v>
      </c>
      <c r="I71" s="115">
        <v>-2</v>
      </c>
      <c r="J71" s="115">
        <v>-11</v>
      </c>
      <c r="K71" s="115">
        <v>9</v>
      </c>
      <c r="L71" s="116">
        <v>2.2799999999999998</v>
      </c>
      <c r="M71" s="117">
        <v>990</v>
      </c>
    </row>
    <row r="72" spans="2:13" ht="23.25" customHeight="1">
      <c r="B72" s="166"/>
      <c r="C72" s="125" t="s">
        <v>121</v>
      </c>
      <c r="D72" s="167"/>
      <c r="E72" s="113">
        <v>10869</v>
      </c>
      <c r="F72" s="114">
        <v>24255</v>
      </c>
      <c r="G72" s="115">
        <v>11266</v>
      </c>
      <c r="H72" s="115">
        <v>12989</v>
      </c>
      <c r="I72" s="115">
        <v>-25</v>
      </c>
      <c r="J72" s="115">
        <v>-28</v>
      </c>
      <c r="K72" s="115">
        <v>3</v>
      </c>
      <c r="L72" s="116">
        <v>2.23</v>
      </c>
      <c r="M72" s="117">
        <v>592</v>
      </c>
    </row>
    <row r="73" spans="2:13" ht="23.25" customHeight="1">
      <c r="B73" s="168"/>
      <c r="C73" s="24" t="s">
        <v>69</v>
      </c>
      <c r="D73" s="170"/>
      <c r="E73" s="8">
        <v>17684</v>
      </c>
      <c r="F73" s="9">
        <v>42964</v>
      </c>
      <c r="G73" s="10">
        <v>22362</v>
      </c>
      <c r="H73" s="10">
        <v>20602</v>
      </c>
      <c r="I73" s="10">
        <v>1</v>
      </c>
      <c r="J73" s="10">
        <v>-12</v>
      </c>
      <c r="K73" s="10">
        <v>13</v>
      </c>
      <c r="L73" s="11">
        <v>2.4300000000000002</v>
      </c>
      <c r="M73" s="12">
        <v>407</v>
      </c>
    </row>
    <row r="74" spans="2:13" ht="23.25" customHeight="1">
      <c r="B74" s="166"/>
      <c r="C74" s="125" t="s">
        <v>70</v>
      </c>
      <c r="D74" s="167"/>
      <c r="E74" s="113">
        <v>16530</v>
      </c>
      <c r="F74" s="114">
        <v>39804</v>
      </c>
      <c r="G74" s="115">
        <v>20750</v>
      </c>
      <c r="H74" s="115">
        <v>19054</v>
      </c>
      <c r="I74" s="115">
        <v>-5</v>
      </c>
      <c r="J74" s="115">
        <v>-13</v>
      </c>
      <c r="K74" s="115">
        <v>8</v>
      </c>
      <c r="L74" s="116">
        <v>2.41</v>
      </c>
      <c r="M74" s="117">
        <v>1161</v>
      </c>
    </row>
    <row r="75" spans="2:13" ht="23.25" customHeight="1">
      <c r="B75" s="166"/>
      <c r="C75" s="125" t="s">
        <v>71</v>
      </c>
      <c r="D75" s="167"/>
      <c r="E75" s="113">
        <v>1154</v>
      </c>
      <c r="F75" s="114">
        <v>3160</v>
      </c>
      <c r="G75" s="115">
        <v>1612</v>
      </c>
      <c r="H75" s="115">
        <v>1548</v>
      </c>
      <c r="I75" s="115">
        <v>6</v>
      </c>
      <c r="J75" s="115">
        <v>1</v>
      </c>
      <c r="K75" s="115">
        <v>5</v>
      </c>
      <c r="L75" s="116">
        <v>2.74</v>
      </c>
      <c r="M75" s="117">
        <v>44</v>
      </c>
    </row>
    <row r="76" spans="2:13" ht="14.25" thickBot="1">
      <c r="B76" s="145"/>
      <c r="C76" s="133"/>
      <c r="D76" s="133"/>
      <c r="E76" s="146"/>
      <c r="F76" s="147"/>
      <c r="G76" s="147"/>
      <c r="H76" s="147"/>
      <c r="I76" s="147"/>
      <c r="J76" s="147"/>
      <c r="K76" s="147"/>
      <c r="L76" s="147"/>
      <c r="M76" s="136"/>
    </row>
    <row r="77" spans="2:13">
      <c r="M77" s="137" t="s">
        <v>122</v>
      </c>
    </row>
  </sheetData>
  <mergeCells count="3">
    <mergeCell ref="C1:L1"/>
    <mergeCell ref="C4:C5"/>
    <mergeCell ref="E4:E5"/>
  </mergeCells>
  <phoneticPr fontId="7"/>
  <printOptions horizontalCentered="1" gridLinesSet="0"/>
  <pageMargins left="0.23622047244094491" right="0.23622047244094491" top="0.74803149606299213" bottom="0.74803149606299213" header="0.31496062992125984" footer="0.31496062992125984"/>
  <pageSetup paperSize="9" scale="78" orientation="portrait" r:id="rId1"/>
  <headerFooter alignWithMargins="0"/>
  <rowBreaks count="1" manualBreakCount="1">
    <brk id="41" min="1" max="12" man="1"/>
  </row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A1" transitionEvaluation="1"/>
  <dimension ref="B1:O77"/>
  <sheetViews>
    <sheetView view="pageBreakPreview" zoomScale="75" zoomScaleNormal="100" zoomScaleSheetLayoutView="75" workbookViewId="0"/>
  </sheetViews>
  <sheetFormatPr defaultColWidth="12.125" defaultRowHeight="13.5"/>
  <cols>
    <col min="1" max="1" width="12.125" style="80"/>
    <col min="2" max="2" width="1.625" style="80" customWidth="1"/>
    <col min="3" max="3" width="12.375" style="5" customWidth="1"/>
    <col min="4" max="4" width="1.625" style="5" customWidth="1"/>
    <col min="5" max="8" width="12.625" style="5" customWidth="1"/>
    <col min="9" max="13" width="10.625" style="5" customWidth="1"/>
    <col min="14" max="14" width="19" style="80" customWidth="1"/>
    <col min="15" max="15" width="16.75" style="80" customWidth="1"/>
    <col min="16" max="19" width="14.375" style="80" customWidth="1"/>
    <col min="20" max="16384" width="12.125" style="80"/>
  </cols>
  <sheetData>
    <row r="1" spans="2:15" ht="24">
      <c r="C1" s="81" t="s">
        <v>9</v>
      </c>
      <c r="D1" s="82"/>
      <c r="E1" s="83"/>
      <c r="F1" s="84"/>
      <c r="G1" s="84"/>
      <c r="H1" s="84"/>
      <c r="I1" s="84"/>
      <c r="J1" s="84"/>
      <c r="K1" s="84"/>
      <c r="L1" s="84"/>
      <c r="M1" s="85"/>
    </row>
    <row r="3" spans="2:15" ht="21.95" customHeight="1" thickBot="1">
      <c r="C3" s="149" t="s">
        <v>123</v>
      </c>
      <c r="D3" s="150"/>
      <c r="E3" s="151"/>
      <c r="F3" s="151"/>
      <c r="G3" s="151"/>
      <c r="H3" s="151"/>
      <c r="I3" s="151"/>
      <c r="J3" s="151"/>
      <c r="K3" s="151"/>
      <c r="L3" s="151"/>
      <c r="M3" s="152" t="s">
        <v>86</v>
      </c>
    </row>
    <row r="4" spans="2:15" ht="18" customHeight="1">
      <c r="B4" s="90"/>
      <c r="C4" s="202" t="s">
        <v>10</v>
      </c>
      <c r="D4" s="91"/>
      <c r="E4" s="204" t="s">
        <v>11</v>
      </c>
      <c r="F4" s="92" t="s">
        <v>6</v>
      </c>
      <c r="G4" s="93"/>
      <c r="H4" s="94" t="s">
        <v>7</v>
      </c>
      <c r="I4" s="95" t="s">
        <v>72</v>
      </c>
      <c r="J4" s="96"/>
      <c r="K4" s="96"/>
      <c r="L4" s="97" t="s">
        <v>0</v>
      </c>
      <c r="M4" s="98" t="s">
        <v>3</v>
      </c>
      <c r="N4" s="99"/>
    </row>
    <row r="5" spans="2:15" ht="18" customHeight="1" thickBot="1">
      <c r="B5" s="159"/>
      <c r="C5" s="212"/>
      <c r="D5" s="171"/>
      <c r="E5" s="205"/>
      <c r="F5" s="172" t="s">
        <v>12</v>
      </c>
      <c r="G5" s="172" t="s">
        <v>1</v>
      </c>
      <c r="H5" s="172" t="s">
        <v>2</v>
      </c>
      <c r="I5" s="172" t="s">
        <v>5</v>
      </c>
      <c r="J5" s="172" t="s">
        <v>13</v>
      </c>
      <c r="K5" s="172" t="s">
        <v>14</v>
      </c>
      <c r="L5" s="172" t="s">
        <v>4</v>
      </c>
      <c r="M5" s="173" t="s">
        <v>15</v>
      </c>
      <c r="N5" s="99"/>
    </row>
    <row r="6" spans="2:15" ht="18" customHeight="1">
      <c r="B6" s="104"/>
      <c r="C6" s="105"/>
      <c r="D6" s="105"/>
      <c r="E6" s="106" t="s">
        <v>8</v>
      </c>
      <c r="F6" s="107" t="s">
        <v>6</v>
      </c>
      <c r="G6" s="107" t="s">
        <v>6</v>
      </c>
      <c r="H6" s="107" t="s">
        <v>6</v>
      </c>
      <c r="I6" s="107" t="s">
        <v>6</v>
      </c>
      <c r="J6" s="107" t="s">
        <v>6</v>
      </c>
      <c r="K6" s="107" t="s">
        <v>6</v>
      </c>
      <c r="L6" s="107" t="s">
        <v>6</v>
      </c>
      <c r="M6" s="108" t="s">
        <v>6</v>
      </c>
      <c r="N6" s="99"/>
    </row>
    <row r="7" spans="2:15" ht="24" customHeight="1">
      <c r="B7" s="16"/>
      <c r="C7" s="23" t="s">
        <v>124</v>
      </c>
      <c r="D7" s="17"/>
      <c r="E7" s="18">
        <v>4110126</v>
      </c>
      <c r="F7" s="19">
        <v>9180457</v>
      </c>
      <c r="G7" s="20">
        <v>4578046</v>
      </c>
      <c r="H7" s="20">
        <v>4602411</v>
      </c>
      <c r="I7" s="20">
        <v>-932</v>
      </c>
      <c r="J7" s="20">
        <v>-630</v>
      </c>
      <c r="K7" s="20">
        <v>-302</v>
      </c>
      <c r="L7" s="21">
        <v>2.23</v>
      </c>
      <c r="M7" s="22">
        <v>3800</v>
      </c>
      <c r="N7" s="109"/>
    </row>
    <row r="8" spans="2:15" ht="24" customHeight="1">
      <c r="B8" s="110"/>
      <c r="C8" s="111" t="s">
        <v>85</v>
      </c>
      <c r="D8" s="112"/>
      <c r="E8" s="113">
        <v>3991404</v>
      </c>
      <c r="F8" s="114">
        <v>8890452</v>
      </c>
      <c r="G8" s="115">
        <v>4435369</v>
      </c>
      <c r="H8" s="115">
        <v>4455083</v>
      </c>
      <c r="I8" s="115">
        <v>-799</v>
      </c>
      <c r="J8" s="115">
        <v>-486</v>
      </c>
      <c r="K8" s="115">
        <v>-313</v>
      </c>
      <c r="L8" s="116">
        <v>2.23</v>
      </c>
      <c r="M8" s="117">
        <v>4912</v>
      </c>
      <c r="N8" s="109"/>
    </row>
    <row r="9" spans="2:15" ht="24" customHeight="1">
      <c r="B9" s="110"/>
      <c r="C9" s="111" t="s">
        <v>16</v>
      </c>
      <c r="D9" s="112"/>
      <c r="E9" s="113">
        <v>118722</v>
      </c>
      <c r="F9" s="114">
        <v>290005</v>
      </c>
      <c r="G9" s="115">
        <v>142677</v>
      </c>
      <c r="H9" s="115">
        <v>147328</v>
      </c>
      <c r="I9" s="115">
        <v>-133</v>
      </c>
      <c r="J9" s="115">
        <v>-144</v>
      </c>
      <c r="K9" s="115">
        <v>11</v>
      </c>
      <c r="L9" s="116">
        <v>2.44</v>
      </c>
      <c r="M9" s="117">
        <v>478</v>
      </c>
      <c r="N9" s="109"/>
    </row>
    <row r="10" spans="2:15" ht="24" customHeight="1">
      <c r="B10" s="110"/>
      <c r="C10" s="118"/>
      <c r="D10" s="118"/>
      <c r="E10" s="119"/>
      <c r="F10" s="120"/>
      <c r="G10" s="121"/>
      <c r="H10" s="121"/>
      <c r="I10" s="121"/>
      <c r="J10" s="121"/>
      <c r="K10" s="121"/>
      <c r="L10" s="122"/>
      <c r="M10" s="123"/>
      <c r="N10" s="109"/>
    </row>
    <row r="11" spans="2:15" ht="24" customHeight="1">
      <c r="B11" s="124"/>
      <c r="C11" s="24" t="s">
        <v>17</v>
      </c>
      <c r="D11" s="7"/>
      <c r="E11" s="8">
        <v>1690284</v>
      </c>
      <c r="F11" s="9">
        <v>3740617</v>
      </c>
      <c r="G11" s="10">
        <v>1859119</v>
      </c>
      <c r="H11" s="10">
        <v>1881498</v>
      </c>
      <c r="I11" s="10">
        <v>-216</v>
      </c>
      <c r="J11" s="10">
        <v>-314</v>
      </c>
      <c r="K11" s="10">
        <v>98</v>
      </c>
      <c r="L11" s="11">
        <v>2.21</v>
      </c>
      <c r="M11" s="12">
        <v>8549</v>
      </c>
      <c r="N11" s="109"/>
    </row>
    <row r="12" spans="2:15" ht="24" customHeight="1">
      <c r="B12" s="110"/>
      <c r="C12" s="125" t="s">
        <v>18</v>
      </c>
      <c r="D12" s="112"/>
      <c r="E12" s="113">
        <v>137853</v>
      </c>
      <c r="F12" s="114">
        <v>290901</v>
      </c>
      <c r="G12" s="115">
        <v>150266</v>
      </c>
      <c r="H12" s="115">
        <v>140635</v>
      </c>
      <c r="I12" s="115">
        <v>107</v>
      </c>
      <c r="J12" s="115">
        <v>14</v>
      </c>
      <c r="K12" s="115">
        <v>93</v>
      </c>
      <c r="L12" s="116">
        <v>2.11</v>
      </c>
      <c r="M12" s="117">
        <v>8754</v>
      </c>
      <c r="N12" s="109"/>
    </row>
    <row r="13" spans="2:15" ht="24" customHeight="1">
      <c r="B13" s="110"/>
      <c r="C13" s="126" t="s">
        <v>125</v>
      </c>
      <c r="D13" s="112"/>
      <c r="E13" s="113">
        <v>124160</v>
      </c>
      <c r="F13" s="114">
        <v>243349</v>
      </c>
      <c r="G13" s="115">
        <v>123538</v>
      </c>
      <c r="H13" s="115">
        <v>119811</v>
      </c>
      <c r="I13" s="115">
        <v>87</v>
      </c>
      <c r="J13" s="115">
        <v>-17</v>
      </c>
      <c r="K13" s="115">
        <v>104</v>
      </c>
      <c r="L13" s="116">
        <v>1.96</v>
      </c>
      <c r="M13" s="117">
        <v>10255</v>
      </c>
      <c r="N13" s="109"/>
    </row>
    <row r="14" spans="2:15" ht="24" customHeight="1">
      <c r="B14" s="110"/>
      <c r="C14" s="125" t="s">
        <v>19</v>
      </c>
      <c r="D14" s="112"/>
      <c r="E14" s="113">
        <v>54391</v>
      </c>
      <c r="F14" s="114">
        <v>101928</v>
      </c>
      <c r="G14" s="115">
        <v>51612</v>
      </c>
      <c r="H14" s="115">
        <v>50316</v>
      </c>
      <c r="I14" s="115">
        <v>126</v>
      </c>
      <c r="J14" s="115">
        <v>1</v>
      </c>
      <c r="K14" s="115">
        <v>125</v>
      </c>
      <c r="L14" s="116">
        <v>1.87</v>
      </c>
      <c r="M14" s="117">
        <v>14499</v>
      </c>
      <c r="N14" s="109"/>
      <c r="O14" s="4"/>
    </row>
    <row r="15" spans="2:15" ht="24" customHeight="1">
      <c r="B15" s="110"/>
      <c r="C15" s="125" t="s">
        <v>20</v>
      </c>
      <c r="D15" s="112"/>
      <c r="E15" s="113">
        <v>80263</v>
      </c>
      <c r="F15" s="114">
        <v>148990</v>
      </c>
      <c r="G15" s="115">
        <v>78245</v>
      </c>
      <c r="H15" s="115">
        <v>70745</v>
      </c>
      <c r="I15" s="115">
        <v>34</v>
      </c>
      <c r="J15" s="115">
        <v>-49</v>
      </c>
      <c r="K15" s="115">
        <v>83</v>
      </c>
      <c r="L15" s="116">
        <v>1.86</v>
      </c>
      <c r="M15" s="117">
        <v>7001</v>
      </c>
      <c r="N15" s="109"/>
    </row>
    <row r="16" spans="2:15" ht="24" customHeight="1">
      <c r="B16" s="110"/>
      <c r="C16" s="125" t="s">
        <v>21</v>
      </c>
      <c r="D16" s="112"/>
      <c r="E16" s="113">
        <v>98531</v>
      </c>
      <c r="F16" s="114">
        <v>195336</v>
      </c>
      <c r="G16" s="115">
        <v>97171</v>
      </c>
      <c r="H16" s="115">
        <v>98165</v>
      </c>
      <c r="I16" s="115">
        <v>-37</v>
      </c>
      <c r="J16" s="115">
        <v>-68</v>
      </c>
      <c r="K16" s="115">
        <v>31</v>
      </c>
      <c r="L16" s="116">
        <v>1.98</v>
      </c>
      <c r="M16" s="117">
        <v>15442</v>
      </c>
      <c r="N16" s="109"/>
    </row>
    <row r="17" spans="2:14" ht="24" customHeight="1">
      <c r="B17" s="110"/>
      <c r="C17" s="125" t="s">
        <v>22</v>
      </c>
      <c r="D17" s="112"/>
      <c r="E17" s="113">
        <v>92941</v>
      </c>
      <c r="F17" s="114">
        <v>214051</v>
      </c>
      <c r="G17" s="115">
        <v>104979</v>
      </c>
      <c r="H17" s="115">
        <v>109072</v>
      </c>
      <c r="I17" s="115">
        <v>-84</v>
      </c>
      <c r="J17" s="115">
        <v>-29</v>
      </c>
      <c r="K17" s="115">
        <v>-55</v>
      </c>
      <c r="L17" s="116">
        <v>2.2999999999999998</v>
      </c>
      <c r="M17" s="117">
        <v>10756</v>
      </c>
      <c r="N17" s="109"/>
    </row>
    <row r="18" spans="2:14" ht="24" customHeight="1">
      <c r="B18" s="110"/>
      <c r="C18" s="126" t="s">
        <v>126</v>
      </c>
      <c r="D18" s="127"/>
      <c r="E18" s="113">
        <v>95127</v>
      </c>
      <c r="F18" s="114">
        <v>205759</v>
      </c>
      <c r="G18" s="115">
        <v>102365</v>
      </c>
      <c r="H18" s="115">
        <v>103394</v>
      </c>
      <c r="I18" s="115">
        <v>-91</v>
      </c>
      <c r="J18" s="115">
        <v>-42</v>
      </c>
      <c r="K18" s="115">
        <v>-49</v>
      </c>
      <c r="L18" s="116">
        <v>2.16</v>
      </c>
      <c r="M18" s="117">
        <v>9383</v>
      </c>
      <c r="N18" s="109"/>
    </row>
    <row r="19" spans="2:14" ht="24" customHeight="1">
      <c r="B19" s="110"/>
      <c r="C19" s="125" t="s">
        <v>23</v>
      </c>
      <c r="D19" s="112"/>
      <c r="E19" s="113">
        <v>105124</v>
      </c>
      <c r="F19" s="114">
        <v>245867</v>
      </c>
      <c r="G19" s="115">
        <v>119065</v>
      </c>
      <c r="H19" s="115">
        <v>126802</v>
      </c>
      <c r="I19" s="115">
        <v>36</v>
      </c>
      <c r="J19" s="115">
        <v>-54</v>
      </c>
      <c r="K19" s="115">
        <v>90</v>
      </c>
      <c r="L19" s="116">
        <v>2.34</v>
      </c>
      <c r="M19" s="117">
        <v>7512</v>
      </c>
      <c r="N19" s="109"/>
    </row>
    <row r="20" spans="2:14" ht="24" customHeight="1">
      <c r="B20" s="110"/>
      <c r="C20" s="125" t="s">
        <v>24</v>
      </c>
      <c r="D20" s="112"/>
      <c r="E20" s="113">
        <v>76421</v>
      </c>
      <c r="F20" s="114">
        <v>166651</v>
      </c>
      <c r="G20" s="115">
        <v>81970</v>
      </c>
      <c r="H20" s="115">
        <v>84681</v>
      </c>
      <c r="I20" s="115">
        <v>13</v>
      </c>
      <c r="J20" s="115">
        <v>-15</v>
      </c>
      <c r="K20" s="115">
        <v>28</v>
      </c>
      <c r="L20" s="116">
        <v>2.1800000000000002</v>
      </c>
      <c r="M20" s="117">
        <v>8748</v>
      </c>
      <c r="N20" s="109"/>
    </row>
    <row r="21" spans="2:14" ht="24" customHeight="1">
      <c r="B21" s="110"/>
      <c r="C21" s="125" t="s">
        <v>25</v>
      </c>
      <c r="D21" s="112"/>
      <c r="E21" s="113">
        <v>88281</v>
      </c>
      <c r="F21" s="114">
        <v>199697</v>
      </c>
      <c r="G21" s="115">
        <v>97683</v>
      </c>
      <c r="H21" s="115">
        <v>102014</v>
      </c>
      <c r="I21" s="115">
        <v>-52</v>
      </c>
      <c r="J21" s="115">
        <v>-76</v>
      </c>
      <c r="K21" s="115">
        <v>24</v>
      </c>
      <c r="L21" s="116">
        <v>2.2599999999999998</v>
      </c>
      <c r="M21" s="117">
        <v>6450</v>
      </c>
      <c r="N21" s="109"/>
    </row>
    <row r="22" spans="2:14" ht="24" customHeight="1">
      <c r="B22" s="110"/>
      <c r="C22" s="125" t="s">
        <v>26</v>
      </c>
      <c r="D22" s="112"/>
      <c r="E22" s="113">
        <v>168294</v>
      </c>
      <c r="F22" s="114">
        <v>350828</v>
      </c>
      <c r="G22" s="115">
        <v>177382</v>
      </c>
      <c r="H22" s="115">
        <v>173446</v>
      </c>
      <c r="I22" s="115">
        <v>-137</v>
      </c>
      <c r="J22" s="115">
        <v>90</v>
      </c>
      <c r="K22" s="115">
        <v>-227</v>
      </c>
      <c r="L22" s="116">
        <v>2.08</v>
      </c>
      <c r="M22" s="117">
        <v>11173</v>
      </c>
      <c r="N22" s="109"/>
    </row>
    <row r="23" spans="2:14" ht="24" customHeight="1">
      <c r="B23" s="110"/>
      <c r="C23" s="125" t="s">
        <v>27</v>
      </c>
      <c r="D23" s="112"/>
      <c r="E23" s="113">
        <v>76824</v>
      </c>
      <c r="F23" s="114">
        <v>181548</v>
      </c>
      <c r="G23" s="115">
        <v>89370</v>
      </c>
      <c r="H23" s="115">
        <v>92178</v>
      </c>
      <c r="I23" s="115">
        <v>-44</v>
      </c>
      <c r="J23" s="115">
        <v>-14</v>
      </c>
      <c r="K23" s="115">
        <v>-30</v>
      </c>
      <c r="L23" s="116">
        <v>2.36</v>
      </c>
      <c r="M23" s="117">
        <v>7117</v>
      </c>
      <c r="N23" s="109"/>
    </row>
    <row r="24" spans="2:14" ht="24" customHeight="1">
      <c r="B24" s="110"/>
      <c r="C24" s="125" t="s">
        <v>28</v>
      </c>
      <c r="D24" s="112"/>
      <c r="E24" s="113">
        <v>128023</v>
      </c>
      <c r="F24" s="114">
        <v>309667</v>
      </c>
      <c r="G24" s="115">
        <v>150491</v>
      </c>
      <c r="H24" s="115">
        <v>159176</v>
      </c>
      <c r="I24" s="115">
        <v>-135</v>
      </c>
      <c r="J24" s="115">
        <v>17</v>
      </c>
      <c r="K24" s="115">
        <v>-152</v>
      </c>
      <c r="L24" s="116">
        <v>2.42</v>
      </c>
      <c r="M24" s="117">
        <v>8792</v>
      </c>
      <c r="N24" s="109"/>
    </row>
    <row r="25" spans="2:14" ht="24" customHeight="1">
      <c r="B25" s="110"/>
      <c r="C25" s="125" t="s">
        <v>29</v>
      </c>
      <c r="D25" s="112"/>
      <c r="E25" s="113">
        <v>82222</v>
      </c>
      <c r="F25" s="114">
        <v>211313</v>
      </c>
      <c r="G25" s="115">
        <v>105281</v>
      </c>
      <c r="H25" s="115">
        <v>106032</v>
      </c>
      <c r="I25" s="115">
        <v>79</v>
      </c>
      <c r="J25" s="115">
        <v>22</v>
      </c>
      <c r="K25" s="115">
        <v>57</v>
      </c>
      <c r="L25" s="116">
        <v>2.57</v>
      </c>
      <c r="M25" s="117">
        <v>7582</v>
      </c>
      <c r="N25" s="109"/>
    </row>
    <row r="26" spans="2:14" ht="24" customHeight="1">
      <c r="B26" s="110"/>
      <c r="C26" s="125" t="s">
        <v>30</v>
      </c>
      <c r="D26" s="112"/>
      <c r="E26" s="113">
        <v>117566</v>
      </c>
      <c r="F26" s="114">
        <v>278690</v>
      </c>
      <c r="G26" s="115">
        <v>136467</v>
      </c>
      <c r="H26" s="115">
        <v>142223</v>
      </c>
      <c r="I26" s="115">
        <v>101</v>
      </c>
      <c r="J26" s="115">
        <v>-38</v>
      </c>
      <c r="K26" s="115">
        <v>139</v>
      </c>
      <c r="L26" s="116">
        <v>2.37</v>
      </c>
      <c r="M26" s="117">
        <v>7787</v>
      </c>
      <c r="N26" s="109"/>
    </row>
    <row r="27" spans="2:14" ht="24" customHeight="1">
      <c r="B27" s="110"/>
      <c r="C27" s="125" t="s">
        <v>31</v>
      </c>
      <c r="D27" s="112"/>
      <c r="E27" s="113">
        <v>51368</v>
      </c>
      <c r="F27" s="114">
        <v>120511</v>
      </c>
      <c r="G27" s="115">
        <v>58746</v>
      </c>
      <c r="H27" s="115">
        <v>61765</v>
      </c>
      <c r="I27" s="115">
        <v>-110</v>
      </c>
      <c r="J27" s="115">
        <v>2</v>
      </c>
      <c r="K27" s="115">
        <v>-112</v>
      </c>
      <c r="L27" s="116">
        <v>2.35</v>
      </c>
      <c r="M27" s="117">
        <v>6507</v>
      </c>
      <c r="N27" s="109"/>
    </row>
    <row r="28" spans="2:14" ht="24" customHeight="1">
      <c r="B28" s="110"/>
      <c r="C28" s="125" t="s">
        <v>32</v>
      </c>
      <c r="D28" s="112"/>
      <c r="E28" s="113">
        <v>61817</v>
      </c>
      <c r="F28" s="114">
        <v>152601</v>
      </c>
      <c r="G28" s="115">
        <v>74559</v>
      </c>
      <c r="H28" s="115">
        <v>78042</v>
      </c>
      <c r="I28" s="115">
        <v>-27</v>
      </c>
      <c r="J28" s="115">
        <v>-17</v>
      </c>
      <c r="K28" s="115">
        <v>-10</v>
      </c>
      <c r="L28" s="116">
        <v>2.4700000000000002</v>
      </c>
      <c r="M28" s="117">
        <v>6472</v>
      </c>
      <c r="N28" s="109"/>
    </row>
    <row r="29" spans="2:14" ht="24" customHeight="1">
      <c r="B29" s="110"/>
      <c r="C29" s="125" t="s">
        <v>33</v>
      </c>
      <c r="D29" s="112"/>
      <c r="E29" s="113">
        <v>51078</v>
      </c>
      <c r="F29" s="114">
        <v>122930</v>
      </c>
      <c r="G29" s="115">
        <v>59929</v>
      </c>
      <c r="H29" s="115">
        <v>63001</v>
      </c>
      <c r="I29" s="115">
        <v>-82</v>
      </c>
      <c r="J29" s="115">
        <v>-41</v>
      </c>
      <c r="K29" s="115">
        <v>-41</v>
      </c>
      <c r="L29" s="116">
        <v>2.41</v>
      </c>
      <c r="M29" s="117">
        <v>7160</v>
      </c>
      <c r="N29" s="109"/>
    </row>
    <row r="30" spans="2:14" ht="24" customHeight="1">
      <c r="B30" s="124"/>
      <c r="C30" s="24" t="s">
        <v>34</v>
      </c>
      <c r="D30" s="7"/>
      <c r="E30" s="8">
        <v>727352</v>
      </c>
      <c r="F30" s="9">
        <v>1516052</v>
      </c>
      <c r="G30" s="10">
        <v>768012</v>
      </c>
      <c r="H30" s="10">
        <v>748040</v>
      </c>
      <c r="I30" s="10">
        <v>445</v>
      </c>
      <c r="J30" s="10">
        <v>351</v>
      </c>
      <c r="K30" s="10">
        <v>94</v>
      </c>
      <c r="L30" s="11">
        <v>2.08</v>
      </c>
      <c r="M30" s="12">
        <v>10601</v>
      </c>
      <c r="N30" s="109"/>
    </row>
    <row r="31" spans="2:14" ht="24" customHeight="1">
      <c r="B31" s="110"/>
      <c r="C31" s="125" t="s">
        <v>35</v>
      </c>
      <c r="D31" s="112"/>
      <c r="E31" s="113">
        <v>118197</v>
      </c>
      <c r="F31" s="114">
        <v>231615</v>
      </c>
      <c r="G31" s="115">
        <v>124498</v>
      </c>
      <c r="H31" s="115">
        <v>107117</v>
      </c>
      <c r="I31" s="115">
        <v>182</v>
      </c>
      <c r="J31" s="115">
        <v>-32</v>
      </c>
      <c r="K31" s="115">
        <v>214</v>
      </c>
      <c r="L31" s="116">
        <v>1.96</v>
      </c>
      <c r="M31" s="117">
        <v>5859</v>
      </c>
      <c r="N31" s="109"/>
    </row>
    <row r="32" spans="2:14" ht="24" customHeight="1">
      <c r="B32" s="110"/>
      <c r="C32" s="125" t="s">
        <v>77</v>
      </c>
      <c r="D32" s="112"/>
      <c r="E32" s="113">
        <v>79531</v>
      </c>
      <c r="F32" s="114">
        <v>167194</v>
      </c>
      <c r="G32" s="115">
        <v>84352</v>
      </c>
      <c r="H32" s="115">
        <v>82842</v>
      </c>
      <c r="I32" s="115">
        <v>68</v>
      </c>
      <c r="J32" s="115">
        <v>50</v>
      </c>
      <c r="K32" s="115">
        <v>18</v>
      </c>
      <c r="L32" s="116">
        <v>2.1</v>
      </c>
      <c r="M32" s="117">
        <v>16703</v>
      </c>
      <c r="N32" s="109"/>
    </row>
    <row r="33" spans="2:14" ht="24" customHeight="1">
      <c r="B33" s="110"/>
      <c r="C33" s="125" t="s">
        <v>36</v>
      </c>
      <c r="D33" s="112"/>
      <c r="E33" s="113">
        <v>130540</v>
      </c>
      <c r="F33" s="114">
        <v>258013</v>
      </c>
      <c r="G33" s="115">
        <v>131716</v>
      </c>
      <c r="H33" s="115">
        <v>126297</v>
      </c>
      <c r="I33" s="115">
        <v>38</v>
      </c>
      <c r="J33" s="115">
        <v>109</v>
      </c>
      <c r="K33" s="115">
        <v>-71</v>
      </c>
      <c r="L33" s="116">
        <v>1.98</v>
      </c>
      <c r="M33" s="117">
        <v>17504</v>
      </c>
      <c r="N33" s="109"/>
    </row>
    <row r="34" spans="2:14" ht="24" customHeight="1">
      <c r="B34" s="110"/>
      <c r="C34" s="125" t="s">
        <v>127</v>
      </c>
      <c r="D34" s="112"/>
      <c r="E34" s="113">
        <v>111544</v>
      </c>
      <c r="F34" s="114">
        <v>231839</v>
      </c>
      <c r="G34" s="115">
        <v>116483</v>
      </c>
      <c r="H34" s="115">
        <v>115356</v>
      </c>
      <c r="I34" s="115">
        <v>105</v>
      </c>
      <c r="J34" s="115">
        <v>97</v>
      </c>
      <c r="K34" s="115">
        <v>8</v>
      </c>
      <c r="L34" s="116">
        <v>2.08</v>
      </c>
      <c r="M34" s="117">
        <v>14171</v>
      </c>
      <c r="N34" s="109"/>
    </row>
    <row r="35" spans="2:14" ht="24" customHeight="1">
      <c r="B35" s="110"/>
      <c r="C35" s="125" t="s">
        <v>37</v>
      </c>
      <c r="D35" s="112"/>
      <c r="E35" s="113">
        <v>99145</v>
      </c>
      <c r="F35" s="114">
        <v>230977</v>
      </c>
      <c r="G35" s="115">
        <v>112949</v>
      </c>
      <c r="H35" s="115">
        <v>118028</v>
      </c>
      <c r="I35" s="115">
        <v>1</v>
      </c>
      <c r="J35" s="115">
        <v>57</v>
      </c>
      <c r="K35" s="115">
        <v>-56</v>
      </c>
      <c r="L35" s="116">
        <v>2.33</v>
      </c>
      <c r="M35" s="117">
        <v>12411</v>
      </c>
      <c r="N35" s="109"/>
    </row>
    <row r="36" spans="2:14" ht="24" customHeight="1">
      <c r="B36" s="110"/>
      <c r="C36" s="125" t="s">
        <v>38</v>
      </c>
      <c r="D36" s="112"/>
      <c r="E36" s="113">
        <v>111225</v>
      </c>
      <c r="F36" s="114">
        <v>217823</v>
      </c>
      <c r="G36" s="115">
        <v>111389</v>
      </c>
      <c r="H36" s="115">
        <v>106434</v>
      </c>
      <c r="I36" s="115">
        <v>-62</v>
      </c>
      <c r="J36" s="115">
        <v>49</v>
      </c>
      <c r="K36" s="115">
        <v>-111</v>
      </c>
      <c r="L36" s="116">
        <v>1.96</v>
      </c>
      <c r="M36" s="117">
        <v>10626</v>
      </c>
      <c r="N36" s="109"/>
    </row>
    <row r="37" spans="2:14" ht="24" customHeight="1">
      <c r="B37" s="110"/>
      <c r="C37" s="125" t="s">
        <v>39</v>
      </c>
      <c r="D37" s="112"/>
      <c r="E37" s="113">
        <v>77170</v>
      </c>
      <c r="F37" s="114">
        <v>178591</v>
      </c>
      <c r="G37" s="115">
        <v>86625</v>
      </c>
      <c r="H37" s="115">
        <v>91966</v>
      </c>
      <c r="I37" s="115">
        <v>113</v>
      </c>
      <c r="J37" s="115">
        <v>21</v>
      </c>
      <c r="K37" s="115">
        <v>92</v>
      </c>
      <c r="L37" s="116">
        <v>2.31</v>
      </c>
      <c r="M37" s="117">
        <v>7681</v>
      </c>
      <c r="N37" s="109"/>
    </row>
    <row r="38" spans="2:14" ht="24" customHeight="1">
      <c r="B38" s="124"/>
      <c r="C38" s="24" t="s">
        <v>47</v>
      </c>
      <c r="D38" s="13"/>
      <c r="E38" s="8">
        <v>322659</v>
      </c>
      <c r="F38" s="9">
        <v>723150</v>
      </c>
      <c r="G38" s="10">
        <v>361790</v>
      </c>
      <c r="H38" s="10">
        <v>361360</v>
      </c>
      <c r="I38" s="10">
        <v>-210</v>
      </c>
      <c r="J38" s="10">
        <v>-22</v>
      </c>
      <c r="K38" s="10">
        <v>-188</v>
      </c>
      <c r="L38" s="11">
        <v>2.2400000000000002</v>
      </c>
      <c r="M38" s="12">
        <v>2199</v>
      </c>
      <c r="N38" s="109"/>
    </row>
    <row r="39" spans="2:14" ht="24" customHeight="1">
      <c r="B39" s="110"/>
      <c r="C39" s="125" t="s">
        <v>73</v>
      </c>
      <c r="D39" s="128"/>
      <c r="E39" s="113">
        <v>73259</v>
      </c>
      <c r="F39" s="114">
        <v>171851</v>
      </c>
      <c r="G39" s="115">
        <v>86602</v>
      </c>
      <c r="H39" s="115">
        <v>85249</v>
      </c>
      <c r="I39" s="115">
        <v>-73</v>
      </c>
      <c r="J39" s="115">
        <v>-37</v>
      </c>
      <c r="K39" s="115">
        <v>-36</v>
      </c>
      <c r="L39" s="116">
        <v>2.35</v>
      </c>
      <c r="M39" s="117">
        <v>677</v>
      </c>
      <c r="N39" s="109"/>
    </row>
    <row r="40" spans="2:14" ht="24" customHeight="1">
      <c r="B40" s="110"/>
      <c r="C40" s="125" t="s">
        <v>79</v>
      </c>
      <c r="D40" s="112"/>
      <c r="E40" s="113">
        <v>120984</v>
      </c>
      <c r="F40" s="114">
        <v>271860</v>
      </c>
      <c r="G40" s="115">
        <v>136614</v>
      </c>
      <c r="H40" s="115">
        <v>135246</v>
      </c>
      <c r="I40" s="115">
        <v>-101</v>
      </c>
      <c r="J40" s="115">
        <v>8</v>
      </c>
      <c r="K40" s="115">
        <v>-109</v>
      </c>
      <c r="L40" s="116">
        <v>2.25</v>
      </c>
      <c r="M40" s="117">
        <v>7373</v>
      </c>
      <c r="N40" s="109"/>
    </row>
    <row r="41" spans="2:14" ht="24" customHeight="1">
      <c r="B41" s="110"/>
      <c r="C41" s="125" t="s">
        <v>74</v>
      </c>
      <c r="D41" s="112"/>
      <c r="E41" s="113">
        <v>128416</v>
      </c>
      <c r="F41" s="114">
        <v>279439</v>
      </c>
      <c r="G41" s="115">
        <v>138574</v>
      </c>
      <c r="H41" s="115">
        <v>140865</v>
      </c>
      <c r="I41" s="115">
        <v>-36</v>
      </c>
      <c r="J41" s="115">
        <v>7</v>
      </c>
      <c r="K41" s="115">
        <v>-43</v>
      </c>
      <c r="L41" s="116">
        <v>2.1800000000000002</v>
      </c>
      <c r="M41" s="117">
        <v>7332</v>
      </c>
      <c r="N41" s="109"/>
    </row>
    <row r="42" spans="2:14" ht="23.25" customHeight="1">
      <c r="B42" s="110"/>
      <c r="C42" s="125" t="s">
        <v>40</v>
      </c>
      <c r="D42" s="129"/>
      <c r="E42" s="113">
        <v>167137</v>
      </c>
      <c r="F42" s="114">
        <v>398338</v>
      </c>
      <c r="G42" s="115">
        <v>198784</v>
      </c>
      <c r="H42" s="115">
        <v>199554</v>
      </c>
      <c r="I42" s="115">
        <v>-1263</v>
      </c>
      <c r="J42" s="115">
        <v>-222</v>
      </c>
      <c r="K42" s="115">
        <v>-1041</v>
      </c>
      <c r="L42" s="116">
        <v>2.38</v>
      </c>
      <c r="M42" s="117">
        <v>3951</v>
      </c>
      <c r="N42" s="99"/>
    </row>
    <row r="43" spans="2:14" ht="23.25" customHeight="1">
      <c r="B43" s="110"/>
      <c r="C43" s="125" t="s">
        <v>41</v>
      </c>
      <c r="D43" s="129"/>
      <c r="E43" s="113">
        <v>110857</v>
      </c>
      <c r="F43" s="114">
        <v>258037</v>
      </c>
      <c r="G43" s="115">
        <v>129337</v>
      </c>
      <c r="H43" s="115">
        <v>128700</v>
      </c>
      <c r="I43" s="115">
        <v>-1</v>
      </c>
      <c r="J43" s="115">
        <v>-13</v>
      </c>
      <c r="K43" s="115">
        <v>12</v>
      </c>
      <c r="L43" s="116">
        <v>2.33</v>
      </c>
      <c r="M43" s="117">
        <v>3805</v>
      </c>
    </row>
    <row r="44" spans="2:14" ht="23.25" customHeight="1">
      <c r="B44" s="110"/>
      <c r="C44" s="125" t="s">
        <v>42</v>
      </c>
      <c r="D44" s="129"/>
      <c r="E44" s="113">
        <v>74234</v>
      </c>
      <c r="F44" s="114">
        <v>172337</v>
      </c>
      <c r="G44" s="115">
        <v>81072</v>
      </c>
      <c r="H44" s="115">
        <v>91265</v>
      </c>
      <c r="I44" s="115">
        <v>74</v>
      </c>
      <c r="J44" s="115">
        <v>-58</v>
      </c>
      <c r="K44" s="115">
        <v>132</v>
      </c>
      <c r="L44" s="116">
        <v>2.3199999999999998</v>
      </c>
      <c r="M44" s="117">
        <v>4344</v>
      </c>
    </row>
    <row r="45" spans="2:14" ht="23.25" customHeight="1">
      <c r="B45" s="110"/>
      <c r="C45" s="125" t="s">
        <v>43</v>
      </c>
      <c r="D45" s="129"/>
      <c r="E45" s="113">
        <v>187385</v>
      </c>
      <c r="F45" s="114">
        <v>430707</v>
      </c>
      <c r="G45" s="115">
        <v>212883</v>
      </c>
      <c r="H45" s="115">
        <v>217824</v>
      </c>
      <c r="I45" s="115">
        <v>222</v>
      </c>
      <c r="J45" s="115">
        <v>15</v>
      </c>
      <c r="K45" s="115">
        <v>207</v>
      </c>
      <c r="L45" s="116">
        <v>2.2999999999999998</v>
      </c>
      <c r="M45" s="117">
        <v>6191</v>
      </c>
    </row>
    <row r="46" spans="2:14" ht="23.25" customHeight="1">
      <c r="B46" s="104"/>
      <c r="C46" s="125" t="s">
        <v>44</v>
      </c>
      <c r="D46" s="129"/>
      <c r="E46" s="113">
        <v>81049</v>
      </c>
      <c r="F46" s="114">
        <v>191325</v>
      </c>
      <c r="G46" s="115">
        <v>93139</v>
      </c>
      <c r="H46" s="115">
        <v>98186</v>
      </c>
      <c r="I46" s="115">
        <v>-82</v>
      </c>
      <c r="J46" s="115">
        <v>-64</v>
      </c>
      <c r="K46" s="115">
        <v>-18</v>
      </c>
      <c r="L46" s="116">
        <v>2.36</v>
      </c>
      <c r="M46" s="117">
        <v>1681</v>
      </c>
    </row>
    <row r="47" spans="2:14" ht="23.25" customHeight="1">
      <c r="B47" s="104"/>
      <c r="C47" s="125" t="s">
        <v>45</v>
      </c>
      <c r="D47" s="130"/>
      <c r="E47" s="113">
        <v>101744</v>
      </c>
      <c r="F47" s="114">
        <v>242003</v>
      </c>
      <c r="G47" s="115">
        <v>117849</v>
      </c>
      <c r="H47" s="115">
        <v>124154</v>
      </c>
      <c r="I47" s="115">
        <v>114</v>
      </c>
      <c r="J47" s="115">
        <v>-6</v>
      </c>
      <c r="K47" s="115">
        <v>120</v>
      </c>
      <c r="L47" s="116">
        <v>2.38</v>
      </c>
      <c r="M47" s="117">
        <v>6779</v>
      </c>
    </row>
    <row r="48" spans="2:14" ht="23.25" customHeight="1">
      <c r="B48" s="104"/>
      <c r="C48" s="125" t="s">
        <v>46</v>
      </c>
      <c r="D48" s="130"/>
      <c r="E48" s="113">
        <v>24594</v>
      </c>
      <c r="F48" s="114">
        <v>57189</v>
      </c>
      <c r="G48" s="115">
        <v>26720</v>
      </c>
      <c r="H48" s="115">
        <v>30469</v>
      </c>
      <c r="I48" s="115">
        <v>28</v>
      </c>
      <c r="J48" s="115">
        <v>-17</v>
      </c>
      <c r="K48" s="115">
        <v>45</v>
      </c>
      <c r="L48" s="116">
        <v>2.33</v>
      </c>
      <c r="M48" s="117">
        <v>3310</v>
      </c>
    </row>
    <row r="49" spans="2:13" ht="23.25" customHeight="1">
      <c r="B49" s="104"/>
      <c r="C49" s="125" t="s">
        <v>48</v>
      </c>
      <c r="D49" s="130"/>
      <c r="E49" s="113">
        <v>17500</v>
      </c>
      <c r="F49" s="114">
        <v>43288</v>
      </c>
      <c r="G49" s="115">
        <v>20768</v>
      </c>
      <c r="H49" s="115">
        <v>22520</v>
      </c>
      <c r="I49" s="115">
        <v>-33</v>
      </c>
      <c r="J49" s="115">
        <v>-28</v>
      </c>
      <c r="K49" s="115">
        <v>-5</v>
      </c>
      <c r="L49" s="116">
        <v>2.4700000000000002</v>
      </c>
      <c r="M49" s="117">
        <v>1351</v>
      </c>
    </row>
    <row r="50" spans="2:13" ht="23.25" customHeight="1">
      <c r="B50" s="104"/>
      <c r="C50" s="125" t="s">
        <v>49</v>
      </c>
      <c r="D50" s="130"/>
      <c r="E50" s="113">
        <v>71266</v>
      </c>
      <c r="F50" s="114">
        <v>165521</v>
      </c>
      <c r="G50" s="115">
        <v>84712</v>
      </c>
      <c r="H50" s="115">
        <v>80809</v>
      </c>
      <c r="I50" s="115">
        <v>-51</v>
      </c>
      <c r="J50" s="115">
        <v>-73</v>
      </c>
      <c r="K50" s="115">
        <v>22</v>
      </c>
      <c r="L50" s="116">
        <v>2.3199999999999998</v>
      </c>
      <c r="M50" s="117">
        <v>1595</v>
      </c>
    </row>
    <row r="51" spans="2:13" ht="23.25" customHeight="1">
      <c r="B51" s="104"/>
      <c r="C51" s="125" t="s">
        <v>50</v>
      </c>
      <c r="D51" s="130"/>
      <c r="E51" s="113">
        <v>99269</v>
      </c>
      <c r="F51" s="114">
        <v>225361</v>
      </c>
      <c r="G51" s="115">
        <v>116545</v>
      </c>
      <c r="H51" s="115">
        <v>108816</v>
      </c>
      <c r="I51" s="115">
        <v>47</v>
      </c>
      <c r="J51" s="115">
        <v>-24</v>
      </c>
      <c r="K51" s="115">
        <v>71</v>
      </c>
      <c r="L51" s="116">
        <v>2.27</v>
      </c>
      <c r="M51" s="117">
        <v>2402</v>
      </c>
    </row>
    <row r="52" spans="2:13" ht="23.25" customHeight="1">
      <c r="B52" s="104"/>
      <c r="C52" s="125" t="s">
        <v>51</v>
      </c>
      <c r="D52" s="130"/>
      <c r="E52" s="113">
        <v>106135</v>
      </c>
      <c r="F52" s="114">
        <v>235711</v>
      </c>
      <c r="G52" s="115">
        <v>117758</v>
      </c>
      <c r="H52" s="115">
        <v>117953</v>
      </c>
      <c r="I52" s="115">
        <v>56</v>
      </c>
      <c r="J52" s="115">
        <v>31</v>
      </c>
      <c r="K52" s="115">
        <v>25</v>
      </c>
      <c r="L52" s="116">
        <v>2.2200000000000002</v>
      </c>
      <c r="M52" s="117">
        <v>8701</v>
      </c>
    </row>
    <row r="53" spans="2:13" ht="23.25" customHeight="1">
      <c r="B53" s="104"/>
      <c r="C53" s="125" t="s">
        <v>52</v>
      </c>
      <c r="D53" s="130"/>
      <c r="E53" s="113">
        <v>45011</v>
      </c>
      <c r="F53" s="114">
        <v>102455</v>
      </c>
      <c r="G53" s="115">
        <v>51966</v>
      </c>
      <c r="H53" s="115">
        <v>50489</v>
      </c>
      <c r="I53" s="115">
        <v>-53</v>
      </c>
      <c r="J53" s="115">
        <v>6</v>
      </c>
      <c r="K53" s="115">
        <v>-59</v>
      </c>
      <c r="L53" s="116">
        <v>2.2799999999999998</v>
      </c>
      <c r="M53" s="117">
        <v>1844</v>
      </c>
    </row>
    <row r="54" spans="2:13" ht="23.25" customHeight="1">
      <c r="B54" s="104"/>
      <c r="C54" s="125" t="s">
        <v>53</v>
      </c>
      <c r="D54" s="130"/>
      <c r="E54" s="113">
        <v>56052</v>
      </c>
      <c r="F54" s="114">
        <v>132379</v>
      </c>
      <c r="G54" s="115">
        <v>66674</v>
      </c>
      <c r="H54" s="115">
        <v>65705</v>
      </c>
      <c r="I54" s="115">
        <v>81</v>
      </c>
      <c r="J54" s="115">
        <v>5</v>
      </c>
      <c r="K54" s="115">
        <v>76</v>
      </c>
      <c r="L54" s="116">
        <v>2.36</v>
      </c>
      <c r="M54" s="117">
        <v>4979</v>
      </c>
    </row>
    <row r="55" spans="2:13" ht="23.25" customHeight="1">
      <c r="B55" s="104"/>
      <c r="C55" s="125" t="s">
        <v>54</v>
      </c>
      <c r="D55" s="130"/>
      <c r="E55" s="113">
        <v>57965</v>
      </c>
      <c r="F55" s="114">
        <v>129498</v>
      </c>
      <c r="G55" s="115">
        <v>64606</v>
      </c>
      <c r="H55" s="115">
        <v>64892</v>
      </c>
      <c r="I55" s="115">
        <v>-11</v>
      </c>
      <c r="J55" s="115">
        <v>-12</v>
      </c>
      <c r="K55" s="115">
        <v>1</v>
      </c>
      <c r="L55" s="116">
        <v>2.23</v>
      </c>
      <c r="M55" s="117">
        <v>7370</v>
      </c>
    </row>
    <row r="56" spans="2:13" ht="23.25" customHeight="1">
      <c r="B56" s="104"/>
      <c r="C56" s="125" t="s">
        <v>55</v>
      </c>
      <c r="D56" s="130"/>
      <c r="E56" s="113">
        <v>16536</v>
      </c>
      <c r="F56" s="114">
        <v>42381</v>
      </c>
      <c r="G56" s="115">
        <v>20862</v>
      </c>
      <c r="H56" s="115">
        <v>21519</v>
      </c>
      <c r="I56" s="115">
        <v>-9</v>
      </c>
      <c r="J56" s="115">
        <v>-17</v>
      </c>
      <c r="K56" s="115">
        <v>8</v>
      </c>
      <c r="L56" s="116">
        <v>2.56</v>
      </c>
      <c r="M56" s="117">
        <v>550</v>
      </c>
    </row>
    <row r="57" spans="2:13" ht="23.25" customHeight="1">
      <c r="B57" s="104"/>
      <c r="C57" s="125" t="s">
        <v>56</v>
      </c>
      <c r="D57" s="130"/>
      <c r="E57" s="113">
        <v>34375</v>
      </c>
      <c r="F57" s="114">
        <v>84103</v>
      </c>
      <c r="G57" s="115">
        <v>42773</v>
      </c>
      <c r="H57" s="115">
        <v>41330</v>
      </c>
      <c r="I57" s="115">
        <v>63</v>
      </c>
      <c r="J57" s="115">
        <v>-24</v>
      </c>
      <c r="K57" s="115">
        <v>87</v>
      </c>
      <c r="L57" s="116">
        <v>2.4500000000000002</v>
      </c>
      <c r="M57" s="117">
        <v>3799</v>
      </c>
    </row>
    <row r="58" spans="2:13" ht="23.25" customHeight="1">
      <c r="B58" s="104"/>
      <c r="C58" s="126" t="s">
        <v>128</v>
      </c>
      <c r="D58" s="130"/>
      <c r="E58" s="113">
        <v>12676</v>
      </c>
      <c r="F58" s="114">
        <v>31887</v>
      </c>
      <c r="G58" s="115">
        <v>15053</v>
      </c>
      <c r="H58" s="115">
        <v>16834</v>
      </c>
      <c r="I58" s="115">
        <v>-2</v>
      </c>
      <c r="J58" s="115">
        <v>-18</v>
      </c>
      <c r="K58" s="115">
        <v>16</v>
      </c>
      <c r="L58" s="116">
        <v>2.52</v>
      </c>
      <c r="M58" s="117">
        <v>1871</v>
      </c>
    </row>
    <row r="59" spans="2:13" ht="23.25" customHeight="1">
      <c r="B59" s="104"/>
      <c r="C59" s="126" t="s">
        <v>129</v>
      </c>
      <c r="D59" s="130"/>
      <c r="E59" s="113">
        <v>19487</v>
      </c>
      <c r="F59" s="114">
        <v>48193</v>
      </c>
      <c r="G59" s="115">
        <v>24427</v>
      </c>
      <c r="H59" s="115">
        <v>23766</v>
      </c>
      <c r="I59" s="115">
        <v>32</v>
      </c>
      <c r="J59" s="115">
        <v>-3</v>
      </c>
      <c r="K59" s="115">
        <v>35</v>
      </c>
      <c r="L59" s="116">
        <v>2.4700000000000002</v>
      </c>
      <c r="M59" s="117">
        <v>3613</v>
      </c>
    </row>
    <row r="60" spans="2:13" ht="23.25" customHeight="1">
      <c r="B60" s="131"/>
      <c r="C60" s="24" t="s">
        <v>57</v>
      </c>
      <c r="D60" s="15"/>
      <c r="E60" s="8">
        <v>23991</v>
      </c>
      <c r="F60" s="9">
        <v>59417</v>
      </c>
      <c r="G60" s="10">
        <v>28816</v>
      </c>
      <c r="H60" s="10">
        <v>30601</v>
      </c>
      <c r="I60" s="10">
        <v>-13</v>
      </c>
      <c r="J60" s="10">
        <v>-35</v>
      </c>
      <c r="K60" s="10">
        <v>22</v>
      </c>
      <c r="L60" s="11">
        <v>2.48</v>
      </c>
      <c r="M60" s="12">
        <v>2264</v>
      </c>
    </row>
    <row r="61" spans="2:13" ht="23.25" customHeight="1">
      <c r="B61" s="104"/>
      <c r="C61" s="125" t="s">
        <v>58</v>
      </c>
      <c r="D61" s="130"/>
      <c r="E61" s="113">
        <v>12613</v>
      </c>
      <c r="F61" s="114">
        <v>31506</v>
      </c>
      <c r="G61" s="115">
        <v>15388</v>
      </c>
      <c r="H61" s="115">
        <v>16118</v>
      </c>
      <c r="I61" s="115">
        <v>-10</v>
      </c>
      <c r="J61" s="115">
        <v>-24</v>
      </c>
      <c r="K61" s="115">
        <v>14</v>
      </c>
      <c r="L61" s="116">
        <v>2.5</v>
      </c>
      <c r="M61" s="117">
        <v>1834</v>
      </c>
    </row>
    <row r="62" spans="2:13" ht="23.25" customHeight="1">
      <c r="B62" s="104"/>
      <c r="C62" s="125" t="s">
        <v>59</v>
      </c>
      <c r="D62" s="130"/>
      <c r="E62" s="113">
        <v>11378</v>
      </c>
      <c r="F62" s="114">
        <v>27911</v>
      </c>
      <c r="G62" s="115">
        <v>13428</v>
      </c>
      <c r="H62" s="115">
        <v>14483</v>
      </c>
      <c r="I62" s="115">
        <v>-3</v>
      </c>
      <c r="J62" s="115">
        <v>-11</v>
      </c>
      <c r="K62" s="115">
        <v>8</v>
      </c>
      <c r="L62" s="116">
        <v>2.4500000000000002</v>
      </c>
      <c r="M62" s="117">
        <v>3074</v>
      </c>
    </row>
    <row r="63" spans="2:13" ht="23.25" customHeight="1">
      <c r="B63" s="131"/>
      <c r="C63" s="24" t="s">
        <v>60</v>
      </c>
      <c r="D63" s="15"/>
      <c r="E63" s="8">
        <v>24742</v>
      </c>
      <c r="F63" s="9">
        <v>64986</v>
      </c>
      <c r="G63" s="10">
        <v>32081</v>
      </c>
      <c r="H63" s="10">
        <v>32905</v>
      </c>
      <c r="I63" s="10">
        <v>-63</v>
      </c>
      <c r="J63" s="10">
        <v>-30</v>
      </c>
      <c r="K63" s="10">
        <v>-33</v>
      </c>
      <c r="L63" s="11">
        <v>2.63</v>
      </c>
      <c r="M63" s="12">
        <v>214</v>
      </c>
    </row>
    <row r="64" spans="2:13" ht="23.25" customHeight="1">
      <c r="B64" s="104"/>
      <c r="C64" s="125" t="s">
        <v>61</v>
      </c>
      <c r="D64" s="130"/>
      <c r="E64" s="113">
        <v>3425</v>
      </c>
      <c r="F64" s="114">
        <v>9462</v>
      </c>
      <c r="G64" s="115">
        <v>4751</v>
      </c>
      <c r="H64" s="115">
        <v>4711</v>
      </c>
      <c r="I64" s="115">
        <v>-7</v>
      </c>
      <c r="J64" s="115">
        <v>-7</v>
      </c>
      <c r="K64" s="115">
        <v>0</v>
      </c>
      <c r="L64" s="116">
        <v>2.76</v>
      </c>
      <c r="M64" s="117">
        <v>473</v>
      </c>
    </row>
    <row r="65" spans="2:13" ht="23.25" customHeight="1">
      <c r="B65" s="104"/>
      <c r="C65" s="125" t="s">
        <v>62</v>
      </c>
      <c r="D65" s="130"/>
      <c r="E65" s="113">
        <v>6390</v>
      </c>
      <c r="F65" s="114">
        <v>16967</v>
      </c>
      <c r="G65" s="115">
        <v>8434</v>
      </c>
      <c r="H65" s="115">
        <v>8533</v>
      </c>
      <c r="I65" s="115">
        <v>-17</v>
      </c>
      <c r="J65" s="115">
        <v>-4</v>
      </c>
      <c r="K65" s="115">
        <v>-13</v>
      </c>
      <c r="L65" s="116">
        <v>2.66</v>
      </c>
      <c r="M65" s="117">
        <v>1180</v>
      </c>
    </row>
    <row r="66" spans="2:13" ht="23.25" customHeight="1">
      <c r="B66" s="104"/>
      <c r="C66" s="125" t="s">
        <v>63</v>
      </c>
      <c r="D66" s="130"/>
      <c r="E66" s="113">
        <v>4498</v>
      </c>
      <c r="F66" s="114">
        <v>10943</v>
      </c>
      <c r="G66" s="115">
        <v>5418</v>
      </c>
      <c r="H66" s="115">
        <v>5525</v>
      </c>
      <c r="I66" s="115">
        <v>-39</v>
      </c>
      <c r="J66" s="115">
        <v>-11</v>
      </c>
      <c r="K66" s="115">
        <v>-28</v>
      </c>
      <c r="L66" s="116">
        <v>2.4300000000000002</v>
      </c>
      <c r="M66" s="117">
        <v>290</v>
      </c>
    </row>
    <row r="67" spans="2:13" ht="23.25" customHeight="1">
      <c r="B67" s="104"/>
      <c r="C67" s="125" t="s">
        <v>64</v>
      </c>
      <c r="D67" s="130"/>
      <c r="E67" s="113">
        <v>3835</v>
      </c>
      <c r="F67" s="114">
        <v>9956</v>
      </c>
      <c r="G67" s="115">
        <v>4882</v>
      </c>
      <c r="H67" s="115">
        <v>5074</v>
      </c>
      <c r="I67" s="115">
        <v>-2</v>
      </c>
      <c r="J67" s="115">
        <v>-5</v>
      </c>
      <c r="K67" s="115">
        <v>3</v>
      </c>
      <c r="L67" s="116">
        <v>2.6</v>
      </c>
      <c r="M67" s="117">
        <v>44</v>
      </c>
    </row>
    <row r="68" spans="2:13" ht="23.25" customHeight="1">
      <c r="B68" s="104"/>
      <c r="C68" s="125" t="s">
        <v>65</v>
      </c>
      <c r="D68" s="130"/>
      <c r="E68" s="113">
        <v>6594</v>
      </c>
      <c r="F68" s="114">
        <v>17658</v>
      </c>
      <c r="G68" s="115">
        <v>8596</v>
      </c>
      <c r="H68" s="115">
        <v>9062</v>
      </c>
      <c r="I68" s="115">
        <v>2</v>
      </c>
      <c r="J68" s="115">
        <v>-3</v>
      </c>
      <c r="K68" s="115">
        <v>5</v>
      </c>
      <c r="L68" s="116">
        <v>2.68</v>
      </c>
      <c r="M68" s="117">
        <v>2696</v>
      </c>
    </row>
    <row r="69" spans="2:13" ht="23.25" customHeight="1">
      <c r="B69" s="131"/>
      <c r="C69" s="24" t="s">
        <v>66</v>
      </c>
      <c r="D69" s="15"/>
      <c r="E69" s="8">
        <v>20149</v>
      </c>
      <c r="F69" s="9">
        <v>42596</v>
      </c>
      <c r="G69" s="10">
        <v>19965</v>
      </c>
      <c r="H69" s="10">
        <v>22631</v>
      </c>
      <c r="I69" s="10">
        <v>-49</v>
      </c>
      <c r="J69" s="10">
        <v>-31</v>
      </c>
      <c r="K69" s="10">
        <v>-18</v>
      </c>
      <c r="L69" s="11">
        <v>2.11</v>
      </c>
      <c r="M69" s="12">
        <v>302</v>
      </c>
    </row>
    <row r="70" spans="2:13" ht="23.25" customHeight="1">
      <c r="B70" s="104"/>
      <c r="C70" s="125" t="s">
        <v>67</v>
      </c>
      <c r="D70" s="130"/>
      <c r="E70" s="113">
        <v>6236</v>
      </c>
      <c r="F70" s="114">
        <v>11407</v>
      </c>
      <c r="G70" s="115">
        <v>5447</v>
      </c>
      <c r="H70" s="115">
        <v>5960</v>
      </c>
      <c r="I70" s="115">
        <v>0</v>
      </c>
      <c r="J70" s="115">
        <v>-7</v>
      </c>
      <c r="K70" s="115">
        <v>7</v>
      </c>
      <c r="L70" s="116">
        <v>1.83</v>
      </c>
      <c r="M70" s="117">
        <v>123</v>
      </c>
    </row>
    <row r="71" spans="2:13" ht="23.25" customHeight="1">
      <c r="B71" s="104"/>
      <c r="C71" s="125" t="s">
        <v>68</v>
      </c>
      <c r="D71" s="130"/>
      <c r="E71" s="113">
        <v>3052</v>
      </c>
      <c r="F71" s="114">
        <v>6962</v>
      </c>
      <c r="G71" s="115">
        <v>3258</v>
      </c>
      <c r="H71" s="115">
        <v>3704</v>
      </c>
      <c r="I71" s="115">
        <v>-21</v>
      </c>
      <c r="J71" s="115">
        <v>-3</v>
      </c>
      <c r="K71" s="115">
        <v>-18</v>
      </c>
      <c r="L71" s="116">
        <v>2.2799999999999998</v>
      </c>
      <c r="M71" s="117">
        <v>988</v>
      </c>
    </row>
    <row r="72" spans="2:13" ht="23.25" customHeight="1">
      <c r="B72" s="104"/>
      <c r="C72" s="125" t="s">
        <v>83</v>
      </c>
      <c r="D72" s="130"/>
      <c r="E72" s="113">
        <v>10861</v>
      </c>
      <c r="F72" s="114">
        <v>24227</v>
      </c>
      <c r="G72" s="115">
        <v>11260</v>
      </c>
      <c r="H72" s="115">
        <v>12967</v>
      </c>
      <c r="I72" s="115">
        <v>-28</v>
      </c>
      <c r="J72" s="115">
        <v>-21</v>
      </c>
      <c r="K72" s="115">
        <v>-7</v>
      </c>
      <c r="L72" s="116">
        <v>2.23</v>
      </c>
      <c r="M72" s="117">
        <v>591</v>
      </c>
    </row>
    <row r="73" spans="2:13" ht="23.25" customHeight="1">
      <c r="B73" s="131"/>
      <c r="C73" s="24" t="s">
        <v>69</v>
      </c>
      <c r="D73" s="15"/>
      <c r="E73" s="8">
        <v>17677</v>
      </c>
      <c r="F73" s="9">
        <v>42926</v>
      </c>
      <c r="G73" s="10">
        <v>22335</v>
      </c>
      <c r="H73" s="10">
        <v>20591</v>
      </c>
      <c r="I73" s="10">
        <v>-38</v>
      </c>
      <c r="J73" s="10">
        <v>-27</v>
      </c>
      <c r="K73" s="10">
        <v>-11</v>
      </c>
      <c r="L73" s="11">
        <v>2.4300000000000002</v>
      </c>
      <c r="M73" s="12">
        <v>407</v>
      </c>
    </row>
    <row r="74" spans="2:13" ht="23.25" customHeight="1">
      <c r="B74" s="104"/>
      <c r="C74" s="125" t="s">
        <v>70</v>
      </c>
      <c r="D74" s="130"/>
      <c r="E74" s="113">
        <v>16523</v>
      </c>
      <c r="F74" s="114">
        <v>39771</v>
      </c>
      <c r="G74" s="115">
        <v>20725</v>
      </c>
      <c r="H74" s="115">
        <v>19046</v>
      </c>
      <c r="I74" s="115">
        <v>-33</v>
      </c>
      <c r="J74" s="115">
        <v>-27</v>
      </c>
      <c r="K74" s="115">
        <v>-6</v>
      </c>
      <c r="L74" s="116">
        <v>2.41</v>
      </c>
      <c r="M74" s="117">
        <v>1160</v>
      </c>
    </row>
    <row r="75" spans="2:13" ht="23.25" customHeight="1">
      <c r="B75" s="104"/>
      <c r="C75" s="125" t="s">
        <v>71</v>
      </c>
      <c r="D75" s="130"/>
      <c r="E75" s="113">
        <v>1154</v>
      </c>
      <c r="F75" s="114">
        <v>3155</v>
      </c>
      <c r="G75" s="115">
        <v>1610</v>
      </c>
      <c r="H75" s="115">
        <v>1545</v>
      </c>
      <c r="I75" s="115">
        <v>-5</v>
      </c>
      <c r="J75" s="115">
        <v>0</v>
      </c>
      <c r="K75" s="115">
        <v>-5</v>
      </c>
      <c r="L75" s="116">
        <v>2.73</v>
      </c>
      <c r="M75" s="117">
        <v>44</v>
      </c>
    </row>
    <row r="76" spans="2:13" ht="14.25" thickBot="1">
      <c r="B76" s="145"/>
      <c r="C76" s="133"/>
      <c r="D76" s="133"/>
      <c r="E76" s="146"/>
      <c r="F76" s="147"/>
      <c r="G76" s="147"/>
      <c r="H76" s="147"/>
      <c r="I76" s="147"/>
      <c r="J76" s="147"/>
      <c r="K76" s="147"/>
      <c r="L76" s="147"/>
      <c r="M76" s="136"/>
    </row>
    <row r="77" spans="2:13">
      <c r="M77" s="137" t="s">
        <v>80</v>
      </c>
    </row>
  </sheetData>
  <mergeCells count="2">
    <mergeCell ref="C4:C5"/>
    <mergeCell ref="E4:E5"/>
  </mergeCells>
  <phoneticPr fontId="7"/>
  <printOptions horizontalCentered="1" gridLinesSet="0"/>
  <pageMargins left="0.23622047244094491" right="0.23622047244094491" top="0.74803149606299213" bottom="0.74803149606299213" header="0.31496062992125984" footer="0.31496062992125984"/>
  <pageSetup paperSize="9" scale="78" orientation="portrait" r:id="rId1"/>
  <headerFooter alignWithMargins="0"/>
  <rowBreaks count="1" manualBreakCount="1">
    <brk id="41" min="1" max="12" man="1"/>
  </row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A1" transitionEvaluation="1"/>
  <dimension ref="B1:O77"/>
  <sheetViews>
    <sheetView view="pageBreakPreview" zoomScale="75" zoomScaleNormal="100" zoomScaleSheetLayoutView="75" workbookViewId="0"/>
  </sheetViews>
  <sheetFormatPr defaultColWidth="12.125" defaultRowHeight="13.5"/>
  <cols>
    <col min="1" max="1" width="12.125" style="80"/>
    <col min="2" max="2" width="1.625" style="80" customWidth="1"/>
    <col min="3" max="3" width="12.375" style="5" customWidth="1"/>
    <col min="4" max="4" width="1.625" style="5" customWidth="1"/>
    <col min="5" max="8" width="12.625" style="5" customWidth="1"/>
    <col min="9" max="13" width="10.625" style="5" customWidth="1"/>
    <col min="14" max="14" width="19" style="80" customWidth="1"/>
    <col min="15" max="15" width="16.75" style="80" customWidth="1"/>
    <col min="16" max="19" width="14.375" style="80" customWidth="1"/>
    <col min="20" max="16384" width="12.125" style="80"/>
  </cols>
  <sheetData>
    <row r="1" spans="2:15" ht="24">
      <c r="C1" s="81" t="s">
        <v>9</v>
      </c>
      <c r="D1" s="82"/>
      <c r="E1" s="83"/>
      <c r="F1" s="84"/>
      <c r="G1" s="84"/>
      <c r="H1" s="84"/>
      <c r="I1" s="84"/>
      <c r="J1" s="84"/>
      <c r="K1" s="84"/>
      <c r="L1" s="84"/>
      <c r="M1" s="85"/>
    </row>
    <row r="3" spans="2:15" ht="21.95" customHeight="1" thickBot="1">
      <c r="C3" s="149" t="s">
        <v>130</v>
      </c>
      <c r="D3" s="150"/>
      <c r="E3" s="151"/>
      <c r="F3" s="151"/>
      <c r="G3" s="151"/>
      <c r="H3" s="151"/>
      <c r="I3" s="151"/>
      <c r="J3" s="151"/>
      <c r="K3" s="151"/>
      <c r="L3" s="151"/>
      <c r="M3" s="152" t="s">
        <v>86</v>
      </c>
    </row>
    <row r="4" spans="2:15" ht="18" customHeight="1">
      <c r="B4" s="90"/>
      <c r="C4" s="202" t="s">
        <v>10</v>
      </c>
      <c r="D4" s="91"/>
      <c r="E4" s="204" t="s">
        <v>11</v>
      </c>
      <c r="F4" s="92" t="s">
        <v>6</v>
      </c>
      <c r="G4" s="93"/>
      <c r="H4" s="94" t="s">
        <v>7</v>
      </c>
      <c r="I4" s="95" t="s">
        <v>72</v>
      </c>
      <c r="J4" s="96"/>
      <c r="K4" s="96"/>
      <c r="L4" s="97" t="s">
        <v>0</v>
      </c>
      <c r="M4" s="98" t="s">
        <v>3</v>
      </c>
      <c r="N4" s="99"/>
    </row>
    <row r="5" spans="2:15" ht="18" customHeight="1" thickBot="1">
      <c r="B5" s="159"/>
      <c r="C5" s="212"/>
      <c r="D5" s="171"/>
      <c r="E5" s="205"/>
      <c r="F5" s="172" t="s">
        <v>12</v>
      </c>
      <c r="G5" s="172" t="s">
        <v>1</v>
      </c>
      <c r="H5" s="172" t="s">
        <v>2</v>
      </c>
      <c r="I5" s="172" t="s">
        <v>5</v>
      </c>
      <c r="J5" s="172" t="s">
        <v>13</v>
      </c>
      <c r="K5" s="172" t="s">
        <v>14</v>
      </c>
      <c r="L5" s="172" t="s">
        <v>4</v>
      </c>
      <c r="M5" s="173" t="s">
        <v>15</v>
      </c>
      <c r="N5" s="99"/>
    </row>
    <row r="6" spans="2:15" ht="18" customHeight="1">
      <c r="B6" s="104"/>
      <c r="C6" s="105"/>
      <c r="D6" s="105"/>
      <c r="E6" s="106" t="s">
        <v>8</v>
      </c>
      <c r="F6" s="107" t="s">
        <v>6</v>
      </c>
      <c r="G6" s="107" t="s">
        <v>6</v>
      </c>
      <c r="H6" s="107" t="s">
        <v>6</v>
      </c>
      <c r="I6" s="107" t="s">
        <v>6</v>
      </c>
      <c r="J6" s="107" t="s">
        <v>6</v>
      </c>
      <c r="K6" s="107" t="s">
        <v>6</v>
      </c>
      <c r="L6" s="107" t="s">
        <v>6</v>
      </c>
      <c r="M6" s="108" t="s">
        <v>6</v>
      </c>
      <c r="N6" s="99"/>
    </row>
    <row r="7" spans="2:15" ht="24" customHeight="1">
      <c r="B7" s="16"/>
      <c r="C7" s="23" t="s">
        <v>131</v>
      </c>
      <c r="D7" s="17"/>
      <c r="E7" s="18">
        <v>4111284</v>
      </c>
      <c r="F7" s="19">
        <v>9179666</v>
      </c>
      <c r="G7" s="20">
        <v>4577528</v>
      </c>
      <c r="H7" s="20">
        <v>4602138</v>
      </c>
      <c r="I7" s="20">
        <v>-791</v>
      </c>
      <c r="J7" s="20">
        <v>-724</v>
      </c>
      <c r="K7" s="20">
        <v>-67</v>
      </c>
      <c r="L7" s="21">
        <v>2.23</v>
      </c>
      <c r="M7" s="22">
        <v>3799</v>
      </c>
      <c r="N7" s="109"/>
    </row>
    <row r="8" spans="2:15" ht="24" customHeight="1">
      <c r="B8" s="110"/>
      <c r="C8" s="111" t="s">
        <v>132</v>
      </c>
      <c r="D8" s="112"/>
      <c r="E8" s="113">
        <v>3992565</v>
      </c>
      <c r="F8" s="114">
        <v>8889801</v>
      </c>
      <c r="G8" s="115">
        <v>4434917</v>
      </c>
      <c r="H8" s="115">
        <v>4454884</v>
      </c>
      <c r="I8" s="115">
        <v>-651</v>
      </c>
      <c r="J8" s="115">
        <v>-580</v>
      </c>
      <c r="K8" s="115">
        <v>-71</v>
      </c>
      <c r="L8" s="116">
        <v>2.23</v>
      </c>
      <c r="M8" s="117">
        <v>4912</v>
      </c>
      <c r="N8" s="109"/>
    </row>
    <row r="9" spans="2:15" ht="24" customHeight="1">
      <c r="B9" s="110"/>
      <c r="C9" s="111" t="s">
        <v>16</v>
      </c>
      <c r="D9" s="112"/>
      <c r="E9" s="113">
        <v>118719</v>
      </c>
      <c r="F9" s="114">
        <v>289865</v>
      </c>
      <c r="G9" s="115">
        <v>142611</v>
      </c>
      <c r="H9" s="115">
        <v>147254</v>
      </c>
      <c r="I9" s="115">
        <v>-140</v>
      </c>
      <c r="J9" s="115">
        <v>-144</v>
      </c>
      <c r="K9" s="115">
        <v>4</v>
      </c>
      <c r="L9" s="116">
        <v>2.44</v>
      </c>
      <c r="M9" s="117">
        <v>478</v>
      </c>
      <c r="N9" s="109"/>
    </row>
    <row r="10" spans="2:15" ht="24" customHeight="1">
      <c r="B10" s="110"/>
      <c r="C10" s="118"/>
      <c r="D10" s="118"/>
      <c r="E10" s="119"/>
      <c r="F10" s="120"/>
      <c r="G10" s="121"/>
      <c r="H10" s="121"/>
      <c r="I10" s="121"/>
      <c r="J10" s="121"/>
      <c r="K10" s="121"/>
      <c r="L10" s="122"/>
      <c r="M10" s="123"/>
      <c r="N10" s="109"/>
    </row>
    <row r="11" spans="2:15" ht="24" customHeight="1">
      <c r="B11" s="124"/>
      <c r="C11" s="24" t="s">
        <v>17</v>
      </c>
      <c r="D11" s="7"/>
      <c r="E11" s="8">
        <v>1690463</v>
      </c>
      <c r="F11" s="9">
        <v>3740367</v>
      </c>
      <c r="G11" s="10">
        <v>1858959</v>
      </c>
      <c r="H11" s="10">
        <v>1881408</v>
      </c>
      <c r="I11" s="10">
        <v>-250</v>
      </c>
      <c r="J11" s="10">
        <v>-204</v>
      </c>
      <c r="K11" s="10">
        <v>-46</v>
      </c>
      <c r="L11" s="11">
        <v>2.21</v>
      </c>
      <c r="M11" s="12">
        <v>8548</v>
      </c>
      <c r="N11" s="109"/>
    </row>
    <row r="12" spans="2:15" ht="24" customHeight="1">
      <c r="B12" s="110"/>
      <c r="C12" s="125" t="s">
        <v>18</v>
      </c>
      <c r="D12" s="112"/>
      <c r="E12" s="113">
        <v>137889</v>
      </c>
      <c r="F12" s="114">
        <v>290968</v>
      </c>
      <c r="G12" s="115">
        <v>150288</v>
      </c>
      <c r="H12" s="115">
        <v>140680</v>
      </c>
      <c r="I12" s="115">
        <v>67</v>
      </c>
      <c r="J12" s="115">
        <v>35</v>
      </c>
      <c r="K12" s="115">
        <v>32</v>
      </c>
      <c r="L12" s="116">
        <v>2.11</v>
      </c>
      <c r="M12" s="117">
        <v>8756</v>
      </c>
      <c r="N12" s="109"/>
    </row>
    <row r="13" spans="2:15" ht="24" customHeight="1">
      <c r="B13" s="110"/>
      <c r="C13" s="126" t="s">
        <v>75</v>
      </c>
      <c r="D13" s="112"/>
      <c r="E13" s="113">
        <v>124158</v>
      </c>
      <c r="F13" s="114">
        <v>243399</v>
      </c>
      <c r="G13" s="115">
        <v>123557</v>
      </c>
      <c r="H13" s="115">
        <v>119842</v>
      </c>
      <c r="I13" s="115">
        <v>50</v>
      </c>
      <c r="J13" s="115">
        <v>5</v>
      </c>
      <c r="K13" s="115">
        <v>45</v>
      </c>
      <c r="L13" s="116">
        <v>1.96</v>
      </c>
      <c r="M13" s="117">
        <v>10257</v>
      </c>
      <c r="N13" s="109"/>
    </row>
    <row r="14" spans="2:15" ht="24" customHeight="1">
      <c r="B14" s="110"/>
      <c r="C14" s="125" t="s">
        <v>19</v>
      </c>
      <c r="D14" s="112"/>
      <c r="E14" s="113">
        <v>54399</v>
      </c>
      <c r="F14" s="114">
        <v>101991</v>
      </c>
      <c r="G14" s="115">
        <v>51639</v>
      </c>
      <c r="H14" s="115">
        <v>50352</v>
      </c>
      <c r="I14" s="115">
        <v>63</v>
      </c>
      <c r="J14" s="115">
        <v>-1</v>
      </c>
      <c r="K14" s="115">
        <v>64</v>
      </c>
      <c r="L14" s="116">
        <v>1.87</v>
      </c>
      <c r="M14" s="117">
        <v>14508</v>
      </c>
      <c r="N14" s="109"/>
      <c r="O14" s="4"/>
    </row>
    <row r="15" spans="2:15" ht="24" customHeight="1">
      <c r="B15" s="110"/>
      <c r="C15" s="125" t="s">
        <v>20</v>
      </c>
      <c r="D15" s="112"/>
      <c r="E15" s="113">
        <v>80233</v>
      </c>
      <c r="F15" s="114">
        <v>149012</v>
      </c>
      <c r="G15" s="115">
        <v>78256</v>
      </c>
      <c r="H15" s="115">
        <v>70756</v>
      </c>
      <c r="I15" s="115">
        <v>22</v>
      </c>
      <c r="J15" s="115">
        <v>-54</v>
      </c>
      <c r="K15" s="115">
        <v>76</v>
      </c>
      <c r="L15" s="116">
        <v>1.86</v>
      </c>
      <c r="M15" s="117">
        <v>7002</v>
      </c>
      <c r="N15" s="109"/>
    </row>
    <row r="16" spans="2:15" ht="24" customHeight="1">
      <c r="B16" s="110"/>
      <c r="C16" s="125" t="s">
        <v>21</v>
      </c>
      <c r="D16" s="112"/>
      <c r="E16" s="113">
        <v>98550</v>
      </c>
      <c r="F16" s="114">
        <v>195344</v>
      </c>
      <c r="G16" s="115">
        <v>97195</v>
      </c>
      <c r="H16" s="115">
        <v>98149</v>
      </c>
      <c r="I16" s="115">
        <v>8</v>
      </c>
      <c r="J16" s="115">
        <v>-20</v>
      </c>
      <c r="K16" s="115">
        <v>28</v>
      </c>
      <c r="L16" s="116">
        <v>1.98</v>
      </c>
      <c r="M16" s="117">
        <v>15442</v>
      </c>
      <c r="N16" s="109"/>
    </row>
    <row r="17" spans="2:14" ht="24" customHeight="1">
      <c r="B17" s="110"/>
      <c r="C17" s="125" t="s">
        <v>22</v>
      </c>
      <c r="D17" s="112"/>
      <c r="E17" s="113">
        <v>92942</v>
      </c>
      <c r="F17" s="114">
        <v>213989</v>
      </c>
      <c r="G17" s="115">
        <v>104956</v>
      </c>
      <c r="H17" s="115">
        <v>109033</v>
      </c>
      <c r="I17" s="115">
        <v>-62</v>
      </c>
      <c r="J17" s="115">
        <v>-33</v>
      </c>
      <c r="K17" s="115">
        <v>-29</v>
      </c>
      <c r="L17" s="116">
        <v>2.2999999999999998</v>
      </c>
      <c r="M17" s="117">
        <v>10753</v>
      </c>
      <c r="N17" s="109"/>
    </row>
    <row r="18" spans="2:14" ht="24" customHeight="1">
      <c r="B18" s="110"/>
      <c r="C18" s="126" t="s">
        <v>133</v>
      </c>
      <c r="D18" s="127"/>
      <c r="E18" s="113">
        <v>95108</v>
      </c>
      <c r="F18" s="114">
        <v>205633</v>
      </c>
      <c r="G18" s="115">
        <v>102303</v>
      </c>
      <c r="H18" s="115">
        <v>103330</v>
      </c>
      <c r="I18" s="115">
        <v>-126</v>
      </c>
      <c r="J18" s="115">
        <v>-54</v>
      </c>
      <c r="K18" s="115">
        <v>-72</v>
      </c>
      <c r="L18" s="116">
        <v>2.16</v>
      </c>
      <c r="M18" s="117">
        <v>9377</v>
      </c>
      <c r="N18" s="109"/>
    </row>
    <row r="19" spans="2:14" ht="24" customHeight="1">
      <c r="B19" s="110"/>
      <c r="C19" s="125" t="s">
        <v>23</v>
      </c>
      <c r="D19" s="112"/>
      <c r="E19" s="113">
        <v>105196</v>
      </c>
      <c r="F19" s="114">
        <v>245793</v>
      </c>
      <c r="G19" s="115">
        <v>119080</v>
      </c>
      <c r="H19" s="115">
        <v>126713</v>
      </c>
      <c r="I19" s="115">
        <v>-74</v>
      </c>
      <c r="J19" s="115">
        <v>-89</v>
      </c>
      <c r="K19" s="115">
        <v>15</v>
      </c>
      <c r="L19" s="116">
        <v>2.34</v>
      </c>
      <c r="M19" s="117">
        <v>7510</v>
      </c>
      <c r="N19" s="109"/>
    </row>
    <row r="20" spans="2:14" ht="24" customHeight="1">
      <c r="B20" s="110"/>
      <c r="C20" s="125" t="s">
        <v>24</v>
      </c>
      <c r="D20" s="112"/>
      <c r="E20" s="113">
        <v>76431</v>
      </c>
      <c r="F20" s="114">
        <v>166638</v>
      </c>
      <c r="G20" s="115">
        <v>81943</v>
      </c>
      <c r="H20" s="115">
        <v>84695</v>
      </c>
      <c r="I20" s="115">
        <v>-13</v>
      </c>
      <c r="J20" s="115">
        <v>-9</v>
      </c>
      <c r="K20" s="115">
        <v>-4</v>
      </c>
      <c r="L20" s="116">
        <v>2.1800000000000002</v>
      </c>
      <c r="M20" s="117">
        <v>8747</v>
      </c>
      <c r="N20" s="109"/>
    </row>
    <row r="21" spans="2:14" ht="24" customHeight="1">
      <c r="B21" s="110"/>
      <c r="C21" s="125" t="s">
        <v>25</v>
      </c>
      <c r="D21" s="112"/>
      <c r="E21" s="113">
        <v>88313</v>
      </c>
      <c r="F21" s="114">
        <v>199684</v>
      </c>
      <c r="G21" s="115">
        <v>97684</v>
      </c>
      <c r="H21" s="115">
        <v>102000</v>
      </c>
      <c r="I21" s="115">
        <v>-13</v>
      </c>
      <c r="J21" s="115">
        <v>-87</v>
      </c>
      <c r="K21" s="115">
        <v>74</v>
      </c>
      <c r="L21" s="116">
        <v>2.2599999999999998</v>
      </c>
      <c r="M21" s="117">
        <v>6450</v>
      </c>
      <c r="N21" s="109"/>
    </row>
    <row r="22" spans="2:14" ht="24" customHeight="1">
      <c r="B22" s="110"/>
      <c r="C22" s="125" t="s">
        <v>26</v>
      </c>
      <c r="D22" s="112"/>
      <c r="E22" s="113">
        <v>168287</v>
      </c>
      <c r="F22" s="114">
        <v>350859</v>
      </c>
      <c r="G22" s="115">
        <v>177393</v>
      </c>
      <c r="H22" s="115">
        <v>173466</v>
      </c>
      <c r="I22" s="115">
        <v>31</v>
      </c>
      <c r="J22" s="115">
        <v>93</v>
      </c>
      <c r="K22" s="115">
        <v>-62</v>
      </c>
      <c r="L22" s="116">
        <v>2.08</v>
      </c>
      <c r="M22" s="117">
        <v>11174</v>
      </c>
      <c r="N22" s="109"/>
    </row>
    <row r="23" spans="2:14" ht="24" customHeight="1">
      <c r="B23" s="110"/>
      <c r="C23" s="125" t="s">
        <v>27</v>
      </c>
      <c r="D23" s="112"/>
      <c r="E23" s="113">
        <v>76813</v>
      </c>
      <c r="F23" s="114">
        <v>181487</v>
      </c>
      <c r="G23" s="115">
        <v>89331</v>
      </c>
      <c r="H23" s="115">
        <v>92156</v>
      </c>
      <c r="I23" s="115">
        <v>-61</v>
      </c>
      <c r="J23" s="115">
        <v>-7</v>
      </c>
      <c r="K23" s="115">
        <v>-54</v>
      </c>
      <c r="L23" s="116">
        <v>2.36</v>
      </c>
      <c r="M23" s="117">
        <v>7114</v>
      </c>
      <c r="N23" s="109"/>
    </row>
    <row r="24" spans="2:14" ht="24" customHeight="1">
      <c r="B24" s="110"/>
      <c r="C24" s="125" t="s">
        <v>28</v>
      </c>
      <c r="D24" s="112"/>
      <c r="E24" s="113">
        <v>127971</v>
      </c>
      <c r="F24" s="114">
        <v>309584</v>
      </c>
      <c r="G24" s="115">
        <v>150446</v>
      </c>
      <c r="H24" s="115">
        <v>159138</v>
      </c>
      <c r="I24" s="115">
        <v>-83</v>
      </c>
      <c r="J24" s="115">
        <v>43</v>
      </c>
      <c r="K24" s="115">
        <v>-126</v>
      </c>
      <c r="L24" s="116">
        <v>2.42</v>
      </c>
      <c r="M24" s="117">
        <v>8790</v>
      </c>
      <c r="N24" s="109"/>
    </row>
    <row r="25" spans="2:14" ht="24" customHeight="1">
      <c r="B25" s="110"/>
      <c r="C25" s="125" t="s">
        <v>29</v>
      </c>
      <c r="D25" s="112"/>
      <c r="E25" s="113">
        <v>82300</v>
      </c>
      <c r="F25" s="114">
        <v>211413</v>
      </c>
      <c r="G25" s="115">
        <v>105312</v>
      </c>
      <c r="H25" s="115">
        <v>106101</v>
      </c>
      <c r="I25" s="115">
        <v>100</v>
      </c>
      <c r="J25" s="115">
        <v>45</v>
      </c>
      <c r="K25" s="115">
        <v>55</v>
      </c>
      <c r="L25" s="116">
        <v>2.57</v>
      </c>
      <c r="M25" s="117">
        <v>7586</v>
      </c>
      <c r="N25" s="109"/>
    </row>
    <row r="26" spans="2:14" ht="24" customHeight="1">
      <c r="B26" s="110"/>
      <c r="C26" s="125" t="s">
        <v>30</v>
      </c>
      <c r="D26" s="112"/>
      <c r="E26" s="113">
        <v>117642</v>
      </c>
      <c r="F26" s="114">
        <v>278790</v>
      </c>
      <c r="G26" s="115">
        <v>136507</v>
      </c>
      <c r="H26" s="115">
        <v>142283</v>
      </c>
      <c r="I26" s="115">
        <v>100</v>
      </c>
      <c r="J26" s="115">
        <v>22</v>
      </c>
      <c r="K26" s="115">
        <v>78</v>
      </c>
      <c r="L26" s="116">
        <v>2.37</v>
      </c>
      <c r="M26" s="117">
        <v>7790</v>
      </c>
      <c r="N26" s="109"/>
    </row>
    <row r="27" spans="2:14" ht="24" customHeight="1">
      <c r="B27" s="110"/>
      <c r="C27" s="125" t="s">
        <v>31</v>
      </c>
      <c r="D27" s="112"/>
      <c r="E27" s="113">
        <v>51323</v>
      </c>
      <c r="F27" s="114">
        <v>120390</v>
      </c>
      <c r="G27" s="115">
        <v>58667</v>
      </c>
      <c r="H27" s="115">
        <v>61723</v>
      </c>
      <c r="I27" s="115">
        <v>-121</v>
      </c>
      <c r="J27" s="115">
        <v>-33</v>
      </c>
      <c r="K27" s="115">
        <v>-88</v>
      </c>
      <c r="L27" s="116">
        <v>2.35</v>
      </c>
      <c r="M27" s="117">
        <v>6501</v>
      </c>
      <c r="N27" s="109"/>
    </row>
    <row r="28" spans="2:14" ht="24" customHeight="1">
      <c r="B28" s="110"/>
      <c r="C28" s="125" t="s">
        <v>32</v>
      </c>
      <c r="D28" s="112"/>
      <c r="E28" s="113">
        <v>61847</v>
      </c>
      <c r="F28" s="114">
        <v>152570</v>
      </c>
      <c r="G28" s="115">
        <v>74533</v>
      </c>
      <c r="H28" s="115">
        <v>78037</v>
      </c>
      <c r="I28" s="115">
        <v>-31</v>
      </c>
      <c r="J28" s="115">
        <v>-34</v>
      </c>
      <c r="K28" s="115">
        <v>3</v>
      </c>
      <c r="L28" s="116">
        <v>2.4700000000000002</v>
      </c>
      <c r="M28" s="117">
        <v>6470</v>
      </c>
      <c r="N28" s="109"/>
    </row>
    <row r="29" spans="2:14" ht="24" customHeight="1">
      <c r="B29" s="110"/>
      <c r="C29" s="125" t="s">
        <v>33</v>
      </c>
      <c r="D29" s="112"/>
      <c r="E29" s="113">
        <v>51061</v>
      </c>
      <c r="F29" s="114">
        <v>122823</v>
      </c>
      <c r="G29" s="115">
        <v>59869</v>
      </c>
      <c r="H29" s="115">
        <v>62954</v>
      </c>
      <c r="I29" s="115">
        <v>-107</v>
      </c>
      <c r="J29" s="115">
        <v>-26</v>
      </c>
      <c r="K29" s="115">
        <v>-81</v>
      </c>
      <c r="L29" s="116">
        <v>2.41</v>
      </c>
      <c r="M29" s="117">
        <v>7153</v>
      </c>
      <c r="N29" s="109"/>
    </row>
    <row r="30" spans="2:14" ht="24" customHeight="1">
      <c r="B30" s="124"/>
      <c r="C30" s="24" t="s">
        <v>34</v>
      </c>
      <c r="D30" s="7"/>
      <c r="E30" s="8">
        <v>727445</v>
      </c>
      <c r="F30" s="9">
        <v>1516340</v>
      </c>
      <c r="G30" s="10">
        <v>767985</v>
      </c>
      <c r="H30" s="10">
        <v>748355</v>
      </c>
      <c r="I30" s="10">
        <v>288</v>
      </c>
      <c r="J30" s="10">
        <v>210</v>
      </c>
      <c r="K30" s="10">
        <v>78</v>
      </c>
      <c r="L30" s="11">
        <v>2.08</v>
      </c>
      <c r="M30" s="12">
        <v>10603</v>
      </c>
      <c r="N30" s="109"/>
    </row>
    <row r="31" spans="2:14" ht="24" customHeight="1">
      <c r="B31" s="110"/>
      <c r="C31" s="125" t="s">
        <v>35</v>
      </c>
      <c r="D31" s="112"/>
      <c r="E31" s="113">
        <v>118187</v>
      </c>
      <c r="F31" s="114">
        <v>231547</v>
      </c>
      <c r="G31" s="115">
        <v>124448</v>
      </c>
      <c r="H31" s="115">
        <v>107099</v>
      </c>
      <c r="I31" s="115">
        <v>-68</v>
      </c>
      <c r="J31" s="115">
        <v>-53</v>
      </c>
      <c r="K31" s="115">
        <v>-15</v>
      </c>
      <c r="L31" s="116">
        <v>1.96</v>
      </c>
      <c r="M31" s="117">
        <v>5858</v>
      </c>
      <c r="N31" s="109"/>
    </row>
    <row r="32" spans="2:14" ht="24" customHeight="1">
      <c r="B32" s="110"/>
      <c r="C32" s="125" t="s">
        <v>134</v>
      </c>
      <c r="D32" s="112"/>
      <c r="E32" s="113">
        <v>79502</v>
      </c>
      <c r="F32" s="114">
        <v>167158</v>
      </c>
      <c r="G32" s="115">
        <v>84329</v>
      </c>
      <c r="H32" s="115">
        <v>82829</v>
      </c>
      <c r="I32" s="115">
        <v>-36</v>
      </c>
      <c r="J32" s="115">
        <v>23</v>
      </c>
      <c r="K32" s="115">
        <v>-59</v>
      </c>
      <c r="L32" s="116">
        <v>2.1</v>
      </c>
      <c r="M32" s="117">
        <v>16699</v>
      </c>
      <c r="N32" s="109"/>
    </row>
    <row r="33" spans="2:14" ht="24" customHeight="1">
      <c r="B33" s="110"/>
      <c r="C33" s="125" t="s">
        <v>36</v>
      </c>
      <c r="D33" s="112"/>
      <c r="E33" s="113">
        <v>130479</v>
      </c>
      <c r="F33" s="114">
        <v>258052</v>
      </c>
      <c r="G33" s="115">
        <v>131651</v>
      </c>
      <c r="H33" s="115">
        <v>126401</v>
      </c>
      <c r="I33" s="115">
        <v>39</v>
      </c>
      <c r="J33" s="115">
        <v>126</v>
      </c>
      <c r="K33" s="115">
        <v>-87</v>
      </c>
      <c r="L33" s="116">
        <v>1.98</v>
      </c>
      <c r="M33" s="117">
        <v>17507</v>
      </c>
      <c r="N33" s="109"/>
    </row>
    <row r="34" spans="2:14" ht="24" customHeight="1">
      <c r="B34" s="110"/>
      <c r="C34" s="125" t="s">
        <v>135</v>
      </c>
      <c r="D34" s="112"/>
      <c r="E34" s="113">
        <v>111510</v>
      </c>
      <c r="F34" s="114">
        <v>231841</v>
      </c>
      <c r="G34" s="115">
        <v>116471</v>
      </c>
      <c r="H34" s="115">
        <v>115370</v>
      </c>
      <c r="I34" s="115">
        <v>2</v>
      </c>
      <c r="J34" s="115">
        <v>22</v>
      </c>
      <c r="K34" s="115">
        <v>-20</v>
      </c>
      <c r="L34" s="116">
        <v>2.08</v>
      </c>
      <c r="M34" s="117">
        <v>14171</v>
      </c>
      <c r="N34" s="109"/>
    </row>
    <row r="35" spans="2:14" ht="24" customHeight="1">
      <c r="B35" s="110"/>
      <c r="C35" s="125" t="s">
        <v>37</v>
      </c>
      <c r="D35" s="112"/>
      <c r="E35" s="113">
        <v>99308</v>
      </c>
      <c r="F35" s="114">
        <v>231212</v>
      </c>
      <c r="G35" s="115">
        <v>113055</v>
      </c>
      <c r="H35" s="115">
        <v>118157</v>
      </c>
      <c r="I35" s="115">
        <v>235</v>
      </c>
      <c r="J35" s="115">
        <v>61</v>
      </c>
      <c r="K35" s="115">
        <v>174</v>
      </c>
      <c r="L35" s="116">
        <v>2.33</v>
      </c>
      <c r="M35" s="117">
        <v>12424</v>
      </c>
      <c r="N35" s="109"/>
    </row>
    <row r="36" spans="2:14" ht="24" customHeight="1">
      <c r="B36" s="110"/>
      <c r="C36" s="125" t="s">
        <v>38</v>
      </c>
      <c r="D36" s="112"/>
      <c r="E36" s="113">
        <v>111232</v>
      </c>
      <c r="F36" s="114">
        <v>217884</v>
      </c>
      <c r="G36" s="115">
        <v>111390</v>
      </c>
      <c r="H36" s="115">
        <v>106494</v>
      </c>
      <c r="I36" s="115">
        <v>61</v>
      </c>
      <c r="J36" s="115">
        <v>35</v>
      </c>
      <c r="K36" s="115">
        <v>26</v>
      </c>
      <c r="L36" s="116">
        <v>1.96</v>
      </c>
      <c r="M36" s="117">
        <v>10628</v>
      </c>
      <c r="N36" s="109"/>
    </row>
    <row r="37" spans="2:14" ht="24" customHeight="1">
      <c r="B37" s="110"/>
      <c r="C37" s="125" t="s">
        <v>39</v>
      </c>
      <c r="D37" s="112"/>
      <c r="E37" s="113">
        <v>77227</v>
      </c>
      <c r="F37" s="114">
        <v>178646</v>
      </c>
      <c r="G37" s="115">
        <v>86641</v>
      </c>
      <c r="H37" s="115">
        <v>92005</v>
      </c>
      <c r="I37" s="115">
        <v>55</v>
      </c>
      <c r="J37" s="115">
        <v>-4</v>
      </c>
      <c r="K37" s="115">
        <v>59</v>
      </c>
      <c r="L37" s="116">
        <v>2.31</v>
      </c>
      <c r="M37" s="117">
        <v>7684</v>
      </c>
      <c r="N37" s="109"/>
    </row>
    <row r="38" spans="2:14" ht="24" customHeight="1">
      <c r="B38" s="124"/>
      <c r="C38" s="24" t="s">
        <v>47</v>
      </c>
      <c r="D38" s="13"/>
      <c r="E38" s="8">
        <v>322783</v>
      </c>
      <c r="F38" s="9">
        <v>722879</v>
      </c>
      <c r="G38" s="10">
        <v>361634</v>
      </c>
      <c r="H38" s="10">
        <v>361245</v>
      </c>
      <c r="I38" s="10">
        <v>-271</v>
      </c>
      <c r="J38" s="10">
        <v>-75</v>
      </c>
      <c r="K38" s="10">
        <v>-196</v>
      </c>
      <c r="L38" s="11">
        <v>2.2400000000000002</v>
      </c>
      <c r="M38" s="12">
        <v>2198</v>
      </c>
      <c r="N38" s="109"/>
    </row>
    <row r="39" spans="2:14" ht="24" customHeight="1">
      <c r="B39" s="110"/>
      <c r="C39" s="125" t="s">
        <v>73</v>
      </c>
      <c r="D39" s="128"/>
      <c r="E39" s="113">
        <v>73338</v>
      </c>
      <c r="F39" s="114">
        <v>171841</v>
      </c>
      <c r="G39" s="115">
        <v>86601</v>
      </c>
      <c r="H39" s="115">
        <v>85240</v>
      </c>
      <c r="I39" s="115">
        <v>-10</v>
      </c>
      <c r="J39" s="115">
        <v>-20</v>
      </c>
      <c r="K39" s="115">
        <v>10</v>
      </c>
      <c r="L39" s="116">
        <v>2.34</v>
      </c>
      <c r="M39" s="117">
        <v>677</v>
      </c>
      <c r="N39" s="109"/>
    </row>
    <row r="40" spans="2:14" ht="24" customHeight="1">
      <c r="B40" s="110"/>
      <c r="C40" s="125" t="s">
        <v>79</v>
      </c>
      <c r="D40" s="112"/>
      <c r="E40" s="113">
        <v>121036</v>
      </c>
      <c r="F40" s="114">
        <v>271738</v>
      </c>
      <c r="G40" s="115">
        <v>136547</v>
      </c>
      <c r="H40" s="115">
        <v>135191</v>
      </c>
      <c r="I40" s="115">
        <v>-122</v>
      </c>
      <c r="J40" s="115">
        <v>-12</v>
      </c>
      <c r="K40" s="115">
        <v>-110</v>
      </c>
      <c r="L40" s="116">
        <v>2.25</v>
      </c>
      <c r="M40" s="117">
        <v>7370</v>
      </c>
      <c r="N40" s="109"/>
    </row>
    <row r="41" spans="2:14" ht="24" customHeight="1">
      <c r="B41" s="110"/>
      <c r="C41" s="125" t="s">
        <v>74</v>
      </c>
      <c r="D41" s="112"/>
      <c r="E41" s="113">
        <v>128409</v>
      </c>
      <c r="F41" s="114">
        <v>279300</v>
      </c>
      <c r="G41" s="115">
        <v>138486</v>
      </c>
      <c r="H41" s="115">
        <v>140814</v>
      </c>
      <c r="I41" s="115">
        <v>-139</v>
      </c>
      <c r="J41" s="115">
        <v>-43</v>
      </c>
      <c r="K41" s="115">
        <v>-96</v>
      </c>
      <c r="L41" s="116">
        <v>2.1800000000000002</v>
      </c>
      <c r="M41" s="117">
        <v>7329</v>
      </c>
      <c r="N41" s="109"/>
    </row>
    <row r="42" spans="2:14" ht="23.25" customHeight="1">
      <c r="B42" s="110"/>
      <c r="C42" s="125" t="s">
        <v>40</v>
      </c>
      <c r="D42" s="129"/>
      <c r="E42" s="113">
        <v>167259</v>
      </c>
      <c r="F42" s="114">
        <v>397937</v>
      </c>
      <c r="G42" s="115">
        <v>198613</v>
      </c>
      <c r="H42" s="115">
        <v>199324</v>
      </c>
      <c r="I42" s="115">
        <v>-401</v>
      </c>
      <c r="J42" s="115">
        <v>-166</v>
      </c>
      <c r="K42" s="115">
        <v>-235</v>
      </c>
      <c r="L42" s="116">
        <v>2.38</v>
      </c>
      <c r="M42" s="117">
        <v>3947</v>
      </c>
      <c r="N42" s="99"/>
    </row>
    <row r="43" spans="2:14" ht="23.25" customHeight="1">
      <c r="B43" s="110"/>
      <c r="C43" s="125" t="s">
        <v>41</v>
      </c>
      <c r="D43" s="129"/>
      <c r="E43" s="113">
        <v>110875</v>
      </c>
      <c r="F43" s="114">
        <v>257974</v>
      </c>
      <c r="G43" s="115">
        <v>129319</v>
      </c>
      <c r="H43" s="115">
        <v>128655</v>
      </c>
      <c r="I43" s="115">
        <v>-63</v>
      </c>
      <c r="J43" s="115">
        <v>-68</v>
      </c>
      <c r="K43" s="115">
        <v>5</v>
      </c>
      <c r="L43" s="116">
        <v>2.33</v>
      </c>
      <c r="M43" s="117">
        <v>3804</v>
      </c>
    </row>
    <row r="44" spans="2:14" ht="23.25" customHeight="1">
      <c r="B44" s="110"/>
      <c r="C44" s="125" t="s">
        <v>42</v>
      </c>
      <c r="D44" s="129"/>
      <c r="E44" s="113">
        <v>74298</v>
      </c>
      <c r="F44" s="114">
        <v>172368</v>
      </c>
      <c r="G44" s="115">
        <v>81083</v>
      </c>
      <c r="H44" s="115">
        <v>91285</v>
      </c>
      <c r="I44" s="115">
        <v>31</v>
      </c>
      <c r="J44" s="115">
        <v>-53</v>
      </c>
      <c r="K44" s="115">
        <v>84</v>
      </c>
      <c r="L44" s="116">
        <v>2.3199999999999998</v>
      </c>
      <c r="M44" s="117">
        <v>4345</v>
      </c>
    </row>
    <row r="45" spans="2:14" ht="23.25" customHeight="1">
      <c r="B45" s="110"/>
      <c r="C45" s="125" t="s">
        <v>43</v>
      </c>
      <c r="D45" s="129"/>
      <c r="E45" s="113">
        <v>187546</v>
      </c>
      <c r="F45" s="114">
        <v>430884</v>
      </c>
      <c r="G45" s="115">
        <v>212961</v>
      </c>
      <c r="H45" s="115">
        <v>217923</v>
      </c>
      <c r="I45" s="115">
        <v>177</v>
      </c>
      <c r="J45" s="115">
        <v>36</v>
      </c>
      <c r="K45" s="115">
        <v>141</v>
      </c>
      <c r="L45" s="116">
        <v>2.2999999999999998</v>
      </c>
      <c r="M45" s="117">
        <v>6194</v>
      </c>
    </row>
    <row r="46" spans="2:14" ht="23.25" customHeight="1">
      <c r="B46" s="104"/>
      <c r="C46" s="125" t="s">
        <v>44</v>
      </c>
      <c r="D46" s="129"/>
      <c r="E46" s="113">
        <v>81037</v>
      </c>
      <c r="F46" s="114">
        <v>191186</v>
      </c>
      <c r="G46" s="115">
        <v>93075</v>
      </c>
      <c r="H46" s="115">
        <v>98111</v>
      </c>
      <c r="I46" s="115">
        <v>-139</v>
      </c>
      <c r="J46" s="115">
        <v>-68</v>
      </c>
      <c r="K46" s="115">
        <v>-71</v>
      </c>
      <c r="L46" s="116">
        <v>2.36</v>
      </c>
      <c r="M46" s="117">
        <v>1680</v>
      </c>
    </row>
    <row r="47" spans="2:14" ht="23.25" customHeight="1">
      <c r="B47" s="104"/>
      <c r="C47" s="125" t="s">
        <v>45</v>
      </c>
      <c r="D47" s="130"/>
      <c r="E47" s="113">
        <v>101812</v>
      </c>
      <c r="F47" s="114">
        <v>242003</v>
      </c>
      <c r="G47" s="115">
        <v>117882</v>
      </c>
      <c r="H47" s="115">
        <v>124121</v>
      </c>
      <c r="I47" s="115">
        <v>0</v>
      </c>
      <c r="J47" s="115">
        <v>-28</v>
      </c>
      <c r="K47" s="115">
        <v>28</v>
      </c>
      <c r="L47" s="116">
        <v>2.38</v>
      </c>
      <c r="M47" s="117">
        <v>6779</v>
      </c>
    </row>
    <row r="48" spans="2:14" ht="23.25" customHeight="1">
      <c r="B48" s="104"/>
      <c r="C48" s="125" t="s">
        <v>46</v>
      </c>
      <c r="D48" s="130"/>
      <c r="E48" s="113">
        <v>24582</v>
      </c>
      <c r="F48" s="114">
        <v>57179</v>
      </c>
      <c r="G48" s="115">
        <v>26716</v>
      </c>
      <c r="H48" s="115">
        <v>30463</v>
      </c>
      <c r="I48" s="115">
        <v>-10</v>
      </c>
      <c r="J48" s="115">
        <v>-9</v>
      </c>
      <c r="K48" s="115">
        <v>-1</v>
      </c>
      <c r="L48" s="116">
        <v>2.33</v>
      </c>
      <c r="M48" s="117">
        <v>3309</v>
      </c>
    </row>
    <row r="49" spans="2:13" ht="23.25" customHeight="1">
      <c r="B49" s="104"/>
      <c r="C49" s="125" t="s">
        <v>48</v>
      </c>
      <c r="D49" s="130"/>
      <c r="E49" s="113">
        <v>17494</v>
      </c>
      <c r="F49" s="114">
        <v>43221</v>
      </c>
      <c r="G49" s="115">
        <v>20739</v>
      </c>
      <c r="H49" s="115">
        <v>22482</v>
      </c>
      <c r="I49" s="115">
        <v>-67</v>
      </c>
      <c r="J49" s="115">
        <v>-32</v>
      </c>
      <c r="K49" s="115">
        <v>-35</v>
      </c>
      <c r="L49" s="116">
        <v>2.4700000000000002</v>
      </c>
      <c r="M49" s="117">
        <v>1349</v>
      </c>
    </row>
    <row r="50" spans="2:13" ht="23.25" customHeight="1">
      <c r="B50" s="104"/>
      <c r="C50" s="125" t="s">
        <v>49</v>
      </c>
      <c r="D50" s="130"/>
      <c r="E50" s="113">
        <v>71274</v>
      </c>
      <c r="F50" s="114">
        <v>165438</v>
      </c>
      <c r="G50" s="115">
        <v>84660</v>
      </c>
      <c r="H50" s="115">
        <v>80778</v>
      </c>
      <c r="I50" s="115">
        <v>-83</v>
      </c>
      <c r="J50" s="115">
        <v>-44</v>
      </c>
      <c r="K50" s="115">
        <v>-39</v>
      </c>
      <c r="L50" s="116">
        <v>2.3199999999999998</v>
      </c>
      <c r="M50" s="117">
        <v>1594</v>
      </c>
    </row>
    <row r="51" spans="2:13" ht="23.25" customHeight="1">
      <c r="B51" s="104"/>
      <c r="C51" s="125" t="s">
        <v>50</v>
      </c>
      <c r="D51" s="130"/>
      <c r="E51" s="113">
        <v>99329</v>
      </c>
      <c r="F51" s="114">
        <v>225340</v>
      </c>
      <c r="G51" s="115">
        <v>116562</v>
      </c>
      <c r="H51" s="115">
        <v>108778</v>
      </c>
      <c r="I51" s="115">
        <v>-21</v>
      </c>
      <c r="J51" s="115">
        <v>-5</v>
      </c>
      <c r="K51" s="115">
        <v>-16</v>
      </c>
      <c r="L51" s="116">
        <v>2.27</v>
      </c>
      <c r="M51" s="117">
        <v>2401</v>
      </c>
    </row>
    <row r="52" spans="2:13" ht="23.25" customHeight="1">
      <c r="B52" s="104"/>
      <c r="C52" s="125" t="s">
        <v>51</v>
      </c>
      <c r="D52" s="130"/>
      <c r="E52" s="113">
        <v>106241</v>
      </c>
      <c r="F52" s="114">
        <v>235861</v>
      </c>
      <c r="G52" s="115">
        <v>117837</v>
      </c>
      <c r="H52" s="115">
        <v>118024</v>
      </c>
      <c r="I52" s="115">
        <v>150</v>
      </c>
      <c r="J52" s="115">
        <v>-13</v>
      </c>
      <c r="K52" s="115">
        <v>163</v>
      </c>
      <c r="L52" s="116">
        <v>2.2200000000000002</v>
      </c>
      <c r="M52" s="117">
        <v>8707</v>
      </c>
    </row>
    <row r="53" spans="2:13" ht="23.25" customHeight="1">
      <c r="B53" s="104"/>
      <c r="C53" s="125" t="s">
        <v>52</v>
      </c>
      <c r="D53" s="130"/>
      <c r="E53" s="113">
        <v>45060</v>
      </c>
      <c r="F53" s="114">
        <v>102456</v>
      </c>
      <c r="G53" s="115">
        <v>51955</v>
      </c>
      <c r="H53" s="115">
        <v>50501</v>
      </c>
      <c r="I53" s="115">
        <v>1</v>
      </c>
      <c r="J53" s="115">
        <v>-31</v>
      </c>
      <c r="K53" s="115">
        <v>32</v>
      </c>
      <c r="L53" s="116">
        <v>2.27</v>
      </c>
      <c r="M53" s="117">
        <v>1844</v>
      </c>
    </row>
    <row r="54" spans="2:13" ht="23.25" customHeight="1">
      <c r="B54" s="104"/>
      <c r="C54" s="125" t="s">
        <v>53</v>
      </c>
      <c r="D54" s="130"/>
      <c r="E54" s="113">
        <v>56095</v>
      </c>
      <c r="F54" s="114">
        <v>132382</v>
      </c>
      <c r="G54" s="115">
        <v>66664</v>
      </c>
      <c r="H54" s="115">
        <v>65718</v>
      </c>
      <c r="I54" s="115">
        <v>3</v>
      </c>
      <c r="J54" s="115">
        <v>6</v>
      </c>
      <c r="K54" s="115">
        <v>-3</v>
      </c>
      <c r="L54" s="116">
        <v>2.36</v>
      </c>
      <c r="M54" s="117">
        <v>4979</v>
      </c>
    </row>
    <row r="55" spans="2:13" ht="23.25" customHeight="1">
      <c r="B55" s="104"/>
      <c r="C55" s="125" t="s">
        <v>54</v>
      </c>
      <c r="D55" s="130"/>
      <c r="E55" s="113">
        <v>57969</v>
      </c>
      <c r="F55" s="114">
        <v>129450</v>
      </c>
      <c r="G55" s="115">
        <v>64591</v>
      </c>
      <c r="H55" s="115">
        <v>64859</v>
      </c>
      <c r="I55" s="115">
        <v>-48</v>
      </c>
      <c r="J55" s="115">
        <v>-6</v>
      </c>
      <c r="K55" s="115">
        <v>-42</v>
      </c>
      <c r="L55" s="116">
        <v>2.23</v>
      </c>
      <c r="M55" s="117">
        <v>7368</v>
      </c>
    </row>
    <row r="56" spans="2:13" ht="23.25" customHeight="1">
      <c r="B56" s="104"/>
      <c r="C56" s="125" t="s">
        <v>55</v>
      </c>
      <c r="D56" s="130"/>
      <c r="E56" s="113">
        <v>16546</v>
      </c>
      <c r="F56" s="114">
        <v>42332</v>
      </c>
      <c r="G56" s="115">
        <v>20838</v>
      </c>
      <c r="H56" s="115">
        <v>21494</v>
      </c>
      <c r="I56" s="115">
        <v>-49</v>
      </c>
      <c r="J56" s="115">
        <v>-16</v>
      </c>
      <c r="K56" s="115">
        <v>-33</v>
      </c>
      <c r="L56" s="116">
        <v>2.56</v>
      </c>
      <c r="M56" s="117">
        <v>549</v>
      </c>
    </row>
    <row r="57" spans="2:13" ht="23.25" customHeight="1">
      <c r="B57" s="104"/>
      <c r="C57" s="125" t="s">
        <v>56</v>
      </c>
      <c r="D57" s="130"/>
      <c r="E57" s="113">
        <v>34457</v>
      </c>
      <c r="F57" s="114">
        <v>84204</v>
      </c>
      <c r="G57" s="115">
        <v>42844</v>
      </c>
      <c r="H57" s="115">
        <v>41360</v>
      </c>
      <c r="I57" s="115">
        <v>101</v>
      </c>
      <c r="J57" s="115">
        <v>-14</v>
      </c>
      <c r="K57" s="115">
        <v>115</v>
      </c>
      <c r="L57" s="116">
        <v>2.44</v>
      </c>
      <c r="M57" s="117">
        <v>3803</v>
      </c>
    </row>
    <row r="58" spans="2:13" ht="23.25" customHeight="1">
      <c r="B58" s="104"/>
      <c r="C58" s="126" t="s">
        <v>136</v>
      </c>
      <c r="D58" s="130"/>
      <c r="E58" s="113">
        <v>12664</v>
      </c>
      <c r="F58" s="114">
        <v>31828</v>
      </c>
      <c r="G58" s="115">
        <v>15040</v>
      </c>
      <c r="H58" s="115">
        <v>16788</v>
      </c>
      <c r="I58" s="115">
        <v>-59</v>
      </c>
      <c r="J58" s="115">
        <v>-19</v>
      </c>
      <c r="K58" s="115">
        <v>-40</v>
      </c>
      <c r="L58" s="116">
        <v>2.5099999999999998</v>
      </c>
      <c r="M58" s="117">
        <v>1868</v>
      </c>
    </row>
    <row r="59" spans="2:13" ht="23.25" customHeight="1">
      <c r="B59" s="104"/>
      <c r="C59" s="126" t="s">
        <v>82</v>
      </c>
      <c r="D59" s="130"/>
      <c r="E59" s="113">
        <v>19511</v>
      </c>
      <c r="F59" s="114">
        <v>48213</v>
      </c>
      <c r="G59" s="115">
        <v>24432</v>
      </c>
      <c r="H59" s="115">
        <v>23781</v>
      </c>
      <c r="I59" s="115">
        <v>20</v>
      </c>
      <c r="J59" s="115">
        <v>-4</v>
      </c>
      <c r="K59" s="115">
        <v>24</v>
      </c>
      <c r="L59" s="116">
        <v>2.4700000000000002</v>
      </c>
      <c r="M59" s="117">
        <v>3614</v>
      </c>
    </row>
    <row r="60" spans="2:13" ht="23.25" customHeight="1">
      <c r="B60" s="131"/>
      <c r="C60" s="24" t="s">
        <v>57</v>
      </c>
      <c r="D60" s="15"/>
      <c r="E60" s="8">
        <v>23994</v>
      </c>
      <c r="F60" s="9">
        <v>59396</v>
      </c>
      <c r="G60" s="10">
        <v>28810</v>
      </c>
      <c r="H60" s="10">
        <v>30586</v>
      </c>
      <c r="I60" s="10">
        <v>-21</v>
      </c>
      <c r="J60" s="10">
        <v>-31</v>
      </c>
      <c r="K60" s="10">
        <v>10</v>
      </c>
      <c r="L60" s="11">
        <v>2.48</v>
      </c>
      <c r="M60" s="12">
        <v>2263</v>
      </c>
    </row>
    <row r="61" spans="2:13" ht="23.25" customHeight="1">
      <c r="B61" s="104"/>
      <c r="C61" s="125" t="s">
        <v>58</v>
      </c>
      <c r="D61" s="130"/>
      <c r="E61" s="113">
        <v>12611</v>
      </c>
      <c r="F61" s="114">
        <v>31467</v>
      </c>
      <c r="G61" s="115">
        <v>15365</v>
      </c>
      <c r="H61" s="115">
        <v>16102</v>
      </c>
      <c r="I61" s="115">
        <v>-39</v>
      </c>
      <c r="J61" s="115">
        <v>-22</v>
      </c>
      <c r="K61" s="115">
        <v>-17</v>
      </c>
      <c r="L61" s="116">
        <v>2.5</v>
      </c>
      <c r="M61" s="117">
        <v>1832</v>
      </c>
    </row>
    <row r="62" spans="2:13" ht="23.25" customHeight="1">
      <c r="B62" s="104"/>
      <c r="C62" s="125" t="s">
        <v>59</v>
      </c>
      <c r="D62" s="130"/>
      <c r="E62" s="113">
        <v>11383</v>
      </c>
      <c r="F62" s="114">
        <v>27929</v>
      </c>
      <c r="G62" s="115">
        <v>13445</v>
      </c>
      <c r="H62" s="115">
        <v>14484</v>
      </c>
      <c r="I62" s="115">
        <v>18</v>
      </c>
      <c r="J62" s="115">
        <v>-9</v>
      </c>
      <c r="K62" s="115">
        <v>27</v>
      </c>
      <c r="L62" s="116">
        <v>2.4500000000000002</v>
      </c>
      <c r="M62" s="117">
        <v>3076</v>
      </c>
    </row>
    <row r="63" spans="2:13" ht="23.25" customHeight="1">
      <c r="B63" s="131"/>
      <c r="C63" s="24" t="s">
        <v>60</v>
      </c>
      <c r="D63" s="15"/>
      <c r="E63" s="8">
        <v>24759</v>
      </c>
      <c r="F63" s="9">
        <v>64974</v>
      </c>
      <c r="G63" s="10">
        <v>32075</v>
      </c>
      <c r="H63" s="10">
        <v>32899</v>
      </c>
      <c r="I63" s="10">
        <v>-12</v>
      </c>
      <c r="J63" s="10">
        <v>-12</v>
      </c>
      <c r="K63" s="10">
        <v>0</v>
      </c>
      <c r="L63" s="11">
        <v>2.62</v>
      </c>
      <c r="M63" s="12">
        <v>214</v>
      </c>
    </row>
    <row r="64" spans="2:13" ht="23.25" customHeight="1">
      <c r="B64" s="104"/>
      <c r="C64" s="125" t="s">
        <v>61</v>
      </c>
      <c r="D64" s="130"/>
      <c r="E64" s="113">
        <v>3421</v>
      </c>
      <c r="F64" s="114">
        <v>9450</v>
      </c>
      <c r="G64" s="115">
        <v>4743</v>
      </c>
      <c r="H64" s="115">
        <v>4707</v>
      </c>
      <c r="I64" s="115">
        <v>-12</v>
      </c>
      <c r="J64" s="115">
        <v>-7</v>
      </c>
      <c r="K64" s="115">
        <v>-5</v>
      </c>
      <c r="L64" s="116">
        <v>2.76</v>
      </c>
      <c r="M64" s="117">
        <v>473</v>
      </c>
    </row>
    <row r="65" spans="2:13" ht="23.25" customHeight="1">
      <c r="B65" s="104"/>
      <c r="C65" s="125" t="s">
        <v>62</v>
      </c>
      <c r="D65" s="130"/>
      <c r="E65" s="113">
        <v>6402</v>
      </c>
      <c r="F65" s="114">
        <v>16981</v>
      </c>
      <c r="G65" s="115">
        <v>8441</v>
      </c>
      <c r="H65" s="115">
        <v>8540</v>
      </c>
      <c r="I65" s="115">
        <v>14</v>
      </c>
      <c r="J65" s="115">
        <v>-4</v>
      </c>
      <c r="K65" s="115">
        <v>18</v>
      </c>
      <c r="L65" s="116">
        <v>2.65</v>
      </c>
      <c r="M65" s="117">
        <v>1181</v>
      </c>
    </row>
    <row r="66" spans="2:13" ht="23.25" customHeight="1">
      <c r="B66" s="104"/>
      <c r="C66" s="125" t="s">
        <v>63</v>
      </c>
      <c r="D66" s="130"/>
      <c r="E66" s="113">
        <v>4493</v>
      </c>
      <c r="F66" s="114">
        <v>10921</v>
      </c>
      <c r="G66" s="115">
        <v>5410</v>
      </c>
      <c r="H66" s="115">
        <v>5511</v>
      </c>
      <c r="I66" s="115">
        <v>-22</v>
      </c>
      <c r="J66" s="115">
        <v>5</v>
      </c>
      <c r="K66" s="115">
        <v>-27</v>
      </c>
      <c r="L66" s="116">
        <v>2.4300000000000002</v>
      </c>
      <c r="M66" s="117">
        <v>289</v>
      </c>
    </row>
    <row r="67" spans="2:13" ht="23.25" customHeight="1">
      <c r="B67" s="104"/>
      <c r="C67" s="125" t="s">
        <v>64</v>
      </c>
      <c r="D67" s="130"/>
      <c r="E67" s="113">
        <v>3835</v>
      </c>
      <c r="F67" s="114">
        <v>9933</v>
      </c>
      <c r="G67" s="115">
        <v>4871</v>
      </c>
      <c r="H67" s="115">
        <v>5062</v>
      </c>
      <c r="I67" s="115">
        <v>-23</v>
      </c>
      <c r="J67" s="115">
        <v>-10</v>
      </c>
      <c r="K67" s="115">
        <v>-13</v>
      </c>
      <c r="L67" s="116">
        <v>2.59</v>
      </c>
      <c r="M67" s="117">
        <v>44</v>
      </c>
    </row>
    <row r="68" spans="2:13" ht="23.25" customHeight="1">
      <c r="B68" s="104"/>
      <c r="C68" s="125" t="s">
        <v>65</v>
      </c>
      <c r="D68" s="130"/>
      <c r="E68" s="113">
        <v>6608</v>
      </c>
      <c r="F68" s="114">
        <v>17689</v>
      </c>
      <c r="G68" s="115">
        <v>8610</v>
      </c>
      <c r="H68" s="115">
        <v>9079</v>
      </c>
      <c r="I68" s="115">
        <v>31</v>
      </c>
      <c r="J68" s="115">
        <v>4</v>
      </c>
      <c r="K68" s="115">
        <v>27</v>
      </c>
      <c r="L68" s="116">
        <v>2.68</v>
      </c>
      <c r="M68" s="117">
        <v>2701</v>
      </c>
    </row>
    <row r="69" spans="2:13" ht="23.25" customHeight="1">
      <c r="B69" s="131"/>
      <c r="C69" s="24" t="s">
        <v>66</v>
      </c>
      <c r="D69" s="15"/>
      <c r="E69" s="8">
        <v>20091</v>
      </c>
      <c r="F69" s="9">
        <v>42529</v>
      </c>
      <c r="G69" s="10">
        <v>19918</v>
      </c>
      <c r="H69" s="10">
        <v>22611</v>
      </c>
      <c r="I69" s="10">
        <v>-67</v>
      </c>
      <c r="J69" s="10">
        <v>-62</v>
      </c>
      <c r="K69" s="10">
        <v>-5</v>
      </c>
      <c r="L69" s="11">
        <v>2.12</v>
      </c>
      <c r="M69" s="12">
        <v>302</v>
      </c>
    </row>
    <row r="70" spans="2:13" ht="23.25" customHeight="1">
      <c r="B70" s="104"/>
      <c r="C70" s="125" t="s">
        <v>67</v>
      </c>
      <c r="D70" s="130"/>
      <c r="E70" s="113">
        <v>6180</v>
      </c>
      <c r="F70" s="114">
        <v>11384</v>
      </c>
      <c r="G70" s="115">
        <v>5427</v>
      </c>
      <c r="H70" s="115">
        <v>5957</v>
      </c>
      <c r="I70" s="115">
        <v>-23</v>
      </c>
      <c r="J70" s="115">
        <v>-8</v>
      </c>
      <c r="K70" s="115">
        <v>-15</v>
      </c>
      <c r="L70" s="116">
        <v>1.84</v>
      </c>
      <c r="M70" s="117">
        <v>123</v>
      </c>
    </row>
    <row r="71" spans="2:13" ht="23.25" customHeight="1">
      <c r="B71" s="104"/>
      <c r="C71" s="125" t="s">
        <v>68</v>
      </c>
      <c r="D71" s="130"/>
      <c r="E71" s="113">
        <v>3055</v>
      </c>
      <c r="F71" s="114">
        <v>6958</v>
      </c>
      <c r="G71" s="115">
        <v>3255</v>
      </c>
      <c r="H71" s="115">
        <v>3703</v>
      </c>
      <c r="I71" s="115">
        <v>-4</v>
      </c>
      <c r="J71" s="115">
        <v>-9</v>
      </c>
      <c r="K71" s="115">
        <v>5</v>
      </c>
      <c r="L71" s="116">
        <v>2.2799999999999998</v>
      </c>
      <c r="M71" s="117">
        <v>987</v>
      </c>
    </row>
    <row r="72" spans="2:13" ht="23.25" customHeight="1">
      <c r="B72" s="104"/>
      <c r="C72" s="125" t="s">
        <v>107</v>
      </c>
      <c r="D72" s="130"/>
      <c r="E72" s="113">
        <v>10856</v>
      </c>
      <c r="F72" s="114">
        <v>24187</v>
      </c>
      <c r="G72" s="115">
        <v>11236</v>
      </c>
      <c r="H72" s="115">
        <v>12951</v>
      </c>
      <c r="I72" s="115">
        <v>-40</v>
      </c>
      <c r="J72" s="115">
        <v>-45</v>
      </c>
      <c r="K72" s="115">
        <v>5</v>
      </c>
      <c r="L72" s="116">
        <v>2.23</v>
      </c>
      <c r="M72" s="117">
        <v>590</v>
      </c>
    </row>
    <row r="73" spans="2:13" ht="23.25" customHeight="1">
      <c r="B73" s="131"/>
      <c r="C73" s="24" t="s">
        <v>69</v>
      </c>
      <c r="D73" s="15"/>
      <c r="E73" s="8">
        <v>17700</v>
      </c>
      <c r="F73" s="9">
        <v>42925</v>
      </c>
      <c r="G73" s="10">
        <v>22336</v>
      </c>
      <c r="H73" s="10">
        <v>20589</v>
      </c>
      <c r="I73" s="10">
        <v>-1</v>
      </c>
      <c r="J73" s="10">
        <v>-16</v>
      </c>
      <c r="K73" s="10">
        <v>15</v>
      </c>
      <c r="L73" s="11">
        <v>2.4300000000000002</v>
      </c>
      <c r="M73" s="12">
        <v>407</v>
      </c>
    </row>
    <row r="74" spans="2:13" ht="23.25" customHeight="1">
      <c r="B74" s="104"/>
      <c r="C74" s="125" t="s">
        <v>70</v>
      </c>
      <c r="D74" s="130"/>
      <c r="E74" s="113">
        <v>16547</v>
      </c>
      <c r="F74" s="114">
        <v>39779</v>
      </c>
      <c r="G74" s="115">
        <v>20731</v>
      </c>
      <c r="H74" s="115">
        <v>19048</v>
      </c>
      <c r="I74" s="115">
        <v>8</v>
      </c>
      <c r="J74" s="115">
        <v>-14</v>
      </c>
      <c r="K74" s="115">
        <v>22</v>
      </c>
      <c r="L74" s="116">
        <v>2.4</v>
      </c>
      <c r="M74" s="117">
        <v>1160</v>
      </c>
    </row>
    <row r="75" spans="2:13" ht="23.25" customHeight="1">
      <c r="B75" s="104"/>
      <c r="C75" s="125" t="s">
        <v>71</v>
      </c>
      <c r="D75" s="130"/>
      <c r="E75" s="113">
        <v>1153</v>
      </c>
      <c r="F75" s="114">
        <v>3146</v>
      </c>
      <c r="G75" s="115">
        <v>1605</v>
      </c>
      <c r="H75" s="115">
        <v>1541</v>
      </c>
      <c r="I75" s="115">
        <v>-9</v>
      </c>
      <c r="J75" s="115">
        <v>-2</v>
      </c>
      <c r="K75" s="115">
        <v>-7</v>
      </c>
      <c r="L75" s="116">
        <v>2.73</v>
      </c>
      <c r="M75" s="117">
        <v>44</v>
      </c>
    </row>
    <row r="76" spans="2:13" ht="14.25" thickBot="1">
      <c r="B76" s="145"/>
      <c r="C76" s="174"/>
      <c r="D76" s="174"/>
      <c r="E76" s="146"/>
      <c r="F76" s="147"/>
      <c r="G76" s="147"/>
      <c r="H76" s="147"/>
      <c r="I76" s="147"/>
      <c r="J76" s="147"/>
      <c r="K76" s="147"/>
      <c r="L76" s="147"/>
      <c r="M76" s="175"/>
    </row>
    <row r="77" spans="2:13">
      <c r="M77" s="137" t="s">
        <v>108</v>
      </c>
    </row>
  </sheetData>
  <mergeCells count="2">
    <mergeCell ref="C4:C5"/>
    <mergeCell ref="E4:E5"/>
  </mergeCells>
  <phoneticPr fontId="7"/>
  <printOptions horizontalCentered="1" gridLinesSet="0"/>
  <pageMargins left="0.23622047244094491" right="0.23622047244094491" top="0.74803149606299213" bottom="0.74803149606299213" header="0.31496062992125984" footer="0.31496062992125984"/>
  <pageSetup paperSize="9" scale="78" orientation="portrait" r:id="rId1"/>
  <headerFooter alignWithMargins="0"/>
  <rowBreaks count="1" manualBreakCount="1">
    <brk id="41" min="1" max="12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2</vt:i4>
      </vt:variant>
      <vt:variant>
        <vt:lpstr>名前付き一覧</vt:lpstr>
      </vt:variant>
      <vt:variant>
        <vt:i4>24</vt:i4>
      </vt:variant>
    </vt:vector>
  </HeadingPairs>
  <TitlesOfParts>
    <vt:vector size="36" baseType="lpstr">
      <vt:lpstr>1月</vt:lpstr>
      <vt:lpstr>２月</vt:lpstr>
      <vt:lpstr>３月</vt:lpstr>
      <vt:lpstr>４月</vt:lpstr>
      <vt:lpstr>５月</vt:lpstr>
      <vt:lpstr>６月</vt:lpstr>
      <vt:lpstr>７月</vt:lpstr>
      <vt:lpstr>８月</vt:lpstr>
      <vt:lpstr>９月</vt:lpstr>
      <vt:lpstr>10月</vt:lpstr>
      <vt:lpstr>11月</vt:lpstr>
      <vt:lpstr>12月</vt:lpstr>
      <vt:lpstr>'10月'!Print_Area</vt:lpstr>
      <vt:lpstr>'11月'!Print_Area</vt:lpstr>
      <vt:lpstr>'12月'!Print_Area</vt:lpstr>
      <vt:lpstr>'1月'!Print_Area</vt:lpstr>
      <vt:lpstr>'２月'!Print_Area</vt:lpstr>
      <vt:lpstr>'３月'!Print_Area</vt:lpstr>
      <vt:lpstr>'４月'!Print_Area</vt:lpstr>
      <vt:lpstr>'５月'!Print_Area</vt:lpstr>
      <vt:lpstr>'６月'!Print_Area</vt:lpstr>
      <vt:lpstr>'７月'!Print_Area</vt:lpstr>
      <vt:lpstr>'８月'!Print_Area</vt:lpstr>
      <vt:lpstr>'９月'!Print_Area</vt:lpstr>
      <vt:lpstr>'10月'!Print_Titles</vt:lpstr>
      <vt:lpstr>'11月'!Print_Titles</vt:lpstr>
      <vt:lpstr>'12月'!Print_Titles</vt:lpstr>
      <vt:lpstr>'1月'!Print_Titles</vt:lpstr>
      <vt:lpstr>'２月'!Print_Titles</vt:lpstr>
      <vt:lpstr>'３月'!Print_Titles</vt:lpstr>
      <vt:lpstr>'４月'!Print_Titles</vt:lpstr>
      <vt:lpstr>'５月'!Print_Titles</vt:lpstr>
      <vt:lpstr>'６月'!Print_Titles</vt:lpstr>
      <vt:lpstr>'７月'!Print_Titles</vt:lpstr>
      <vt:lpstr>'８月'!Print_Titles</vt:lpstr>
      <vt:lpstr>'９月'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福田</cp:lastModifiedBy>
  <dcterms:modified xsi:type="dcterms:W3CDTF">2021-06-15T01:01:22Z</dcterms:modified>
</cp:coreProperties>
</file>